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725"/>
  <workbookPr/>
  <mc:AlternateContent xmlns:mc="http://schemas.openxmlformats.org/markup-compatibility/2006">
    <mc:Choice Requires="x15">
      <x15ac:absPath xmlns:x15ac="http://schemas.microsoft.com/office/spreadsheetml/2010/11/ac" url="C:\Users\chris.alston\Downloads\"/>
    </mc:Choice>
  </mc:AlternateContent>
  <xr:revisionPtr revIDLastSave="0" documentId="8_{79CE0286-1B1D-4911-91E8-2B357F0E1AEB}" xr6:coauthVersionLast="47" xr6:coauthVersionMax="47" xr10:uidLastSave="{00000000-0000-0000-0000-000000000000}"/>
  <bookViews>
    <workbookView xWindow="4875" yWindow="-15510" windowWidth="19185" windowHeight="12720" xr2:uid="{00000000-000D-0000-FFFF-FFFF00000000}"/>
  </bookViews>
  <sheets>
    <sheet name="About" sheetId="1" r:id="rId1"/>
    <sheet name="Contents" sheetId="4" r:id="rId2"/>
    <sheet name="Figure 1a and Figure 1.2a" sheetId="2" r:id="rId3"/>
    <sheet name="Figure 1b and Figure 1.2b" sheetId="3" r:id="rId4"/>
    <sheet name="Figure 1.4" sheetId="15" r:id="rId5"/>
    <sheet name="Figure 2.2a" sheetId="6" r:id="rId6"/>
    <sheet name="Figure 2.2b" sheetId="8" r:id="rId7"/>
    <sheet name="Figure 2.2c" sheetId="9" r:id="rId8"/>
    <sheet name="Figure 2.5" sheetId="10" r:id="rId9"/>
    <sheet name="Figure 3.1" sheetId="13" r:id="rId10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61" uniqueCount="133">
  <si>
    <t>About this workbook</t>
  </si>
  <si>
    <t>This Excel workbook contains data underlying charts in the Productivity Commission's interim report: Impacts of heavy vehicle reform</t>
  </si>
  <si>
    <r>
      <t xml:space="preserve">The </t>
    </r>
    <r>
      <rPr>
        <b/>
        <sz val="10"/>
        <color theme="1"/>
        <rFont val="Arial"/>
        <family val="2"/>
      </rPr>
      <t>Contents</t>
    </r>
    <r>
      <rPr>
        <sz val="10"/>
        <color theme="1"/>
        <rFont val="Arial"/>
        <family val="2"/>
      </rPr>
      <t xml:space="preserve"> worksheet links to the data for each chart.</t>
    </r>
  </si>
  <si>
    <t xml:space="preserve">The report is available from: </t>
  </si>
  <si>
    <t>Contents</t>
  </si>
  <si>
    <t>Figure no.</t>
  </si>
  <si>
    <t>Title</t>
  </si>
  <si>
    <t>PBS vehicles uptake</t>
  </si>
  <si>
    <t>2013-14</t>
  </si>
  <si>
    <t>2014-15</t>
  </si>
  <si>
    <t>2015-16</t>
  </si>
  <si>
    <t>2016-17</t>
  </si>
  <si>
    <t>2017-18</t>
  </si>
  <si>
    <t>2018-19</t>
  </si>
  <si>
    <t>2019-20</t>
  </si>
  <si>
    <t>2020-21</t>
  </si>
  <si>
    <t>2021-22</t>
  </si>
  <si>
    <t>2022-23</t>
  </si>
  <si>
    <t>2023-24</t>
  </si>
  <si>
    <t>2024-25</t>
  </si>
  <si>
    <t xml:space="preserve">Type </t>
  </si>
  <si>
    <t>Volume of consent requests to road managers to assess access</t>
  </si>
  <si>
    <t xml:space="preserve">Volume of access permit applications submitted </t>
  </si>
  <si>
    <t>PBS</t>
  </si>
  <si>
    <t>OSOM</t>
  </si>
  <si>
    <t>B-double</t>
  </si>
  <si>
    <t>Road train</t>
  </si>
  <si>
    <t>Prime and semi-trailer</t>
  </si>
  <si>
    <t>Truck &amp; Dog</t>
  </si>
  <si>
    <t>SPV</t>
  </si>
  <si>
    <t>Bus</t>
  </si>
  <si>
    <t>Other</t>
  </si>
  <si>
    <t xml:space="preserve">Average consent assessment time </t>
  </si>
  <si>
    <t xml:space="preserve">Average end-to-end time </t>
  </si>
  <si>
    <t>Permit processing times 2025–2026</t>
  </si>
  <si>
    <t>Permit and consent request volumes 2018–19 to 2022–23</t>
  </si>
  <si>
    <t>Figure 2.5</t>
  </si>
  <si>
    <t>2021 Q1</t>
  </si>
  <si>
    <t>2021 Q2</t>
  </si>
  <si>
    <t>2021 Q3</t>
  </si>
  <si>
    <t>2021 Q4</t>
  </si>
  <si>
    <t>2022 Q1</t>
  </si>
  <si>
    <t>2022 Q2</t>
  </si>
  <si>
    <t>2022 Q3</t>
  </si>
  <si>
    <t>2022 Q4</t>
  </si>
  <si>
    <t>2023 Q1</t>
  </si>
  <si>
    <t>2023 Q2</t>
  </si>
  <si>
    <t>2023 Q3</t>
  </si>
  <si>
    <t>2023 Q4</t>
  </si>
  <si>
    <t>2024 Q1</t>
  </si>
  <si>
    <t>2024 Q2</t>
  </si>
  <si>
    <t>2024 Q3</t>
  </si>
  <si>
    <t>2024 Q4</t>
  </si>
  <si>
    <t>2025 Q1</t>
  </si>
  <si>
    <t>2025 Q2</t>
  </si>
  <si>
    <t>2025 Q3</t>
  </si>
  <si>
    <t>2025 Q4</t>
  </si>
  <si>
    <t>Electric – Bus</t>
  </si>
  <si>
    <t>Electric – Prime Mover</t>
  </si>
  <si>
    <t>Electric – Rigid Truck</t>
  </si>
  <si>
    <t>Figure 3.1</t>
  </si>
  <si>
    <t>Tasmanian special purpose vehicle access requests</t>
  </si>
  <si>
    <t>Hydrogen – Bus</t>
  </si>
  <si>
    <t>Hydrogen – Prime Mover</t>
  </si>
  <si>
    <t>Hydrogen – Rigid Truck</t>
  </si>
  <si>
    <t>Figure 2.2a</t>
  </si>
  <si>
    <t>Figure 2.2b</t>
  </si>
  <si>
    <t>Figure 2.2c</t>
  </si>
  <si>
    <t xml:space="preserve">Quarterly heavy zero emissions vehicle registrations </t>
  </si>
  <si>
    <t>Number of heavy vehicles (000s)</t>
  </si>
  <si>
    <t>Rigid trucks</t>
  </si>
  <si>
    <t>Articulated trucks</t>
  </si>
  <si>
    <t>Physical productivity</t>
  </si>
  <si>
    <t>Figure 1.4</t>
  </si>
  <si>
    <t>Road transport is increasingly being used to carry non‑bulk freight</t>
  </si>
  <si>
    <t>Domestic freight (billion tonne kilometres)</t>
  </si>
  <si>
    <t>a. Bulk</t>
  </si>
  <si>
    <t>Road</t>
  </si>
  <si>
    <t>Rail</t>
  </si>
  <si>
    <t>Shipping</t>
  </si>
  <si>
    <t>1981–82</t>
  </si>
  <si>
    <t>1982–83</t>
  </si>
  <si>
    <t>1983–84</t>
  </si>
  <si>
    <t>1984–85</t>
  </si>
  <si>
    <t>1985–86</t>
  </si>
  <si>
    <t>1986–87</t>
  </si>
  <si>
    <t>1987–88</t>
  </si>
  <si>
    <t>1988–89</t>
  </si>
  <si>
    <t>1989–90</t>
  </si>
  <si>
    <t>1990–91</t>
  </si>
  <si>
    <t>1991–92</t>
  </si>
  <si>
    <t>1992–93</t>
  </si>
  <si>
    <t>1993–94</t>
  </si>
  <si>
    <t>1994–95</t>
  </si>
  <si>
    <t>1995–96</t>
  </si>
  <si>
    <t>1996–97</t>
  </si>
  <si>
    <t>1997–98</t>
  </si>
  <si>
    <t>1998–99</t>
  </si>
  <si>
    <t>1999–00</t>
  </si>
  <si>
    <t>2000–01</t>
  </si>
  <si>
    <t>2001–02</t>
  </si>
  <si>
    <t>2002–03</t>
  </si>
  <si>
    <t>2003–04</t>
  </si>
  <si>
    <t>2004–05</t>
  </si>
  <si>
    <t>2005–06</t>
  </si>
  <si>
    <t>2006–07</t>
  </si>
  <si>
    <t>2007–08</t>
  </si>
  <si>
    <t>2008–09</t>
  </si>
  <si>
    <t>2009–10</t>
  </si>
  <si>
    <t>2010–11</t>
  </si>
  <si>
    <t>2011–12</t>
  </si>
  <si>
    <t>2012–13</t>
  </si>
  <si>
    <t>2013–14</t>
  </si>
  <si>
    <t>2014–15</t>
  </si>
  <si>
    <t>2015–16</t>
  </si>
  <si>
    <t>2016–17</t>
  </si>
  <si>
    <t>2017–18</t>
  </si>
  <si>
    <t>2018–19</t>
  </si>
  <si>
    <t>2019–20</t>
  </si>
  <si>
    <t>2020–21</t>
  </si>
  <si>
    <t>2021–22</t>
  </si>
  <si>
    <t>2022–23</t>
  </si>
  <si>
    <t>2023–24</t>
  </si>
  <si>
    <t>2024–25</t>
  </si>
  <si>
    <t>b. Non-bulk</t>
  </si>
  <si>
    <t>Physical productivity (tonne kilometres per vehicle kilometre travelled)</t>
  </si>
  <si>
    <t>PBS certified vehicles (000s)</t>
  </si>
  <si>
    <t>Permit volumes 2018–19 to 2022–23</t>
  </si>
  <si>
    <t>PBS vehicle  (000s)</t>
  </si>
  <si>
    <t>Non-PBS freight vehicle (000s)</t>
  </si>
  <si>
    <t>Figure 1a and Figure 1.2a</t>
  </si>
  <si>
    <t>Figure 1b and Figure 1.2b</t>
  </si>
  <si>
    <t>https://www.pc.gov.au/inquiries-and-research/heavy-vehicle-reform/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"/>
  </numFmts>
  <fonts count="8" x14ac:knownFonts="1">
    <font>
      <sz val="10"/>
      <color theme="1"/>
      <name val="Arial"/>
      <family val="2"/>
    </font>
    <font>
      <b/>
      <sz val="10"/>
      <color theme="1"/>
      <name val="Arial"/>
      <family val="2"/>
    </font>
    <font>
      <b/>
      <sz val="12"/>
      <color theme="1"/>
      <name val="Arial"/>
      <family val="2"/>
    </font>
    <font>
      <i/>
      <sz val="10"/>
      <color theme="1"/>
      <name val="Arial"/>
      <family val="2"/>
    </font>
    <font>
      <u/>
      <sz val="10"/>
      <color theme="10"/>
      <name val="Arial"/>
      <family val="2"/>
    </font>
    <font>
      <u/>
      <sz val="10"/>
      <color theme="2"/>
      <name val="Arial"/>
      <family val="2"/>
    </font>
    <font>
      <sz val="10"/>
      <color rgb="FFFF0000"/>
      <name val="Arial"/>
      <family val="2"/>
    </font>
    <font>
      <sz val="9"/>
      <color theme="1"/>
      <name val="Arial"/>
      <family val="2"/>
    </font>
  </fonts>
  <fills count="3">
    <fill>
      <patternFill patternType="none"/>
    </fill>
    <fill>
      <patternFill patternType="gray125"/>
    </fill>
    <fill>
      <patternFill patternType="solid">
        <fgColor theme="0"/>
        <bgColor indexed="64"/>
      </patternFill>
    </fill>
  </fills>
  <borders count="1">
    <border>
      <left/>
      <right/>
      <top/>
      <bottom/>
      <diagonal/>
    </border>
  </borders>
  <cellStyleXfs count="2">
    <xf numFmtId="0" fontId="0" fillId="0" borderId="0"/>
    <xf numFmtId="0" fontId="4" fillId="0" borderId="0" applyNumberFormat="0" applyFill="0" applyBorder="0" applyAlignment="0" applyProtection="0"/>
  </cellStyleXfs>
  <cellXfs count="15">
    <xf numFmtId="0" fontId="0" fillId="0" borderId="0" xfId="0"/>
    <xf numFmtId="0" fontId="1" fillId="0" borderId="0" xfId="0" applyFont="1"/>
    <xf numFmtId="0" fontId="2" fillId="0" borderId="0" xfId="0" applyFont="1"/>
    <xf numFmtId="0" fontId="6" fillId="0" borderId="0" xfId="0" applyFont="1"/>
    <xf numFmtId="0" fontId="0" fillId="0" borderId="0" xfId="0" applyAlignment="1">
      <alignment vertical="center" wrapText="1"/>
    </xf>
    <xf numFmtId="0" fontId="0" fillId="0" borderId="0" xfId="0" applyAlignment="1">
      <alignment wrapText="1"/>
    </xf>
    <xf numFmtId="0" fontId="5" fillId="0" borderId="0" xfId="1" applyFont="1"/>
    <xf numFmtId="1" fontId="0" fillId="0" borderId="0" xfId="0" applyNumberFormat="1"/>
    <xf numFmtId="0" fontId="0" fillId="0" borderId="0" xfId="0" applyAlignment="1">
      <alignment vertical="center"/>
    </xf>
    <xf numFmtId="0" fontId="7" fillId="0" borderId="0" xfId="0" applyFont="1" applyAlignment="1">
      <alignment vertical="center"/>
    </xf>
    <xf numFmtId="164" fontId="0" fillId="0" borderId="0" xfId="0" applyNumberFormat="1"/>
    <xf numFmtId="0" fontId="3" fillId="2" borderId="0" xfId="0" applyFont="1" applyFill="1"/>
    <xf numFmtId="0" fontId="0" fillId="2" borderId="0" xfId="0" applyFill="1"/>
    <xf numFmtId="0" fontId="4" fillId="0" borderId="0" xfId="1"/>
    <xf numFmtId="0" fontId="5" fillId="0" borderId="0" xfId="1" applyFont="1" applyFill="1"/>
  </cellXfs>
  <cellStyles count="2">
    <cellStyle name="Hyperlink" xfId="1" builtinId="8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sharedStrings" Target="sharedStrings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tyles" Target="style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theme" Target="theme/theme1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worksheet" Target="worksheets/sheet10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04775</xdr:colOff>
      <xdr:row>0</xdr:row>
      <xdr:rowOff>161925</xdr:rowOff>
    </xdr:from>
    <xdr:to>
      <xdr:col>2</xdr:col>
      <xdr:colOff>397386</xdr:colOff>
      <xdr:row>0</xdr:row>
      <xdr:rowOff>527686</xdr:rowOff>
    </xdr:to>
    <xdr:pic>
      <xdr:nvPicPr>
        <xdr:cNvPr id="4" name="Picture 3" descr="Australian Government Productivity Commission logo">
          <a:extLst>
            <a:ext uri="{FF2B5EF4-FFF2-40B4-BE49-F238E27FC236}">
              <a16:creationId xmlns:a16="http://schemas.microsoft.com/office/drawing/2014/main" id="{F61E1EB3-77B5-46D9-B219-2DC349D2A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61925"/>
          <a:ext cx="1511811" cy="365761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ProdCommTheme-new">
  <a:themeElements>
    <a:clrScheme name="PC colour scheme 2025">
      <a:dk1>
        <a:srgbClr val="000000"/>
      </a:dk1>
      <a:lt1>
        <a:srgbClr val="FFFFFF"/>
      </a:lt1>
      <a:dk2>
        <a:srgbClr val="2B9AC2"/>
      </a:dk2>
      <a:lt2>
        <a:srgbClr val="265A9A"/>
      </a:lt2>
      <a:accent1>
        <a:srgbClr val="66BCDB"/>
      </a:accent1>
      <a:accent2>
        <a:srgbClr val="8956A3"/>
      </a:accent2>
      <a:accent3>
        <a:srgbClr val="71CBD5"/>
      </a:accent3>
      <a:accent4>
        <a:srgbClr val="90D8F7"/>
      </a:accent4>
      <a:accent5>
        <a:srgbClr val="14315B"/>
      </a:accent5>
      <a:accent6>
        <a:srgbClr val="542972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www.pc.gov.au/inquiries-and-research/heavy-vehicle-reform/" TargetMode="External"/></Relationships>
</file>

<file path=xl/worksheets/_rels/sheet10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0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tabColor theme="2"/>
  </sheetPr>
  <dimension ref="A1:G8"/>
  <sheetViews>
    <sheetView showGridLines="0" tabSelected="1" workbookViewId="0">
      <selection sqref="A1:A1048576"/>
    </sheetView>
  </sheetViews>
  <sheetFormatPr defaultColWidth="9.36328125" defaultRowHeight="12.5" x14ac:dyDescent="0.25"/>
  <sheetData>
    <row r="1" spans="1:7" ht="54.75" customHeight="1" x14ac:dyDescent="0.25"/>
    <row r="2" spans="1:7" ht="15.5" x14ac:dyDescent="0.35">
      <c r="A2" s="2" t="s">
        <v>0</v>
      </c>
    </row>
    <row r="3" spans="1:7" ht="15.5" x14ac:dyDescent="0.35">
      <c r="A3" s="2"/>
    </row>
    <row r="4" spans="1:7" x14ac:dyDescent="0.25">
      <c r="A4" t="s">
        <v>1</v>
      </c>
    </row>
    <row r="6" spans="1:7" ht="13" x14ac:dyDescent="0.3">
      <c r="A6" t="s">
        <v>2</v>
      </c>
    </row>
    <row r="8" spans="1:7" x14ac:dyDescent="0.25">
      <c r="A8" t="s">
        <v>3</v>
      </c>
      <c r="D8" s="13" t="s">
        <v>132</v>
      </c>
      <c r="G8" s="3"/>
    </row>
  </sheetData>
  <hyperlinks>
    <hyperlink ref="D8" r:id="rId1" xr:uid="{903BD4BE-0D39-4FE0-A6A5-49D21FBF669B}"/>
  </hyperlinks>
  <pageMargins left="0.7" right="0.7" top="0.75" bottom="0.75" header="0.3" footer="0.3"/>
  <pageSetup paperSize="9" orientation="portrait" r:id="rId2"/>
  <headerFooter>
    <oddHeader>&amp;C&amp;"Aptos"&amp;12&amp;K000000  OFFICIAL&amp;1#_x000D_</oddHeader>
  </headerFooter>
  <drawing r:id="rId3"/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4C0602C-E776-481E-A4A3-85068B988E47}">
  <dimension ref="A1:B12"/>
  <sheetViews>
    <sheetView workbookViewId="0">
      <selection activeCell="P35" sqref="P35"/>
    </sheetView>
  </sheetViews>
  <sheetFormatPr defaultRowHeight="12.5" x14ac:dyDescent="0.25"/>
  <sheetData>
    <row r="1" spans="1:2" ht="13" x14ac:dyDescent="0.3">
      <c r="A1" s="1" t="s">
        <v>60</v>
      </c>
      <c r="B1" t="s">
        <v>61</v>
      </c>
    </row>
    <row r="4" spans="1:2" ht="13.25" x14ac:dyDescent="0.25">
      <c r="B4" t="s">
        <v>61</v>
      </c>
    </row>
    <row r="5" spans="1:2" ht="13.25" x14ac:dyDescent="0.25">
      <c r="A5" t="s">
        <v>12</v>
      </c>
      <c r="B5">
        <v>628</v>
      </c>
    </row>
    <row r="6" spans="1:2" ht="13.25" x14ac:dyDescent="0.25">
      <c r="A6" t="s">
        <v>13</v>
      </c>
      <c r="B6">
        <v>700</v>
      </c>
    </row>
    <row r="7" spans="1:2" ht="13.25" x14ac:dyDescent="0.25">
      <c r="A7" t="s">
        <v>14</v>
      </c>
      <c r="B7">
        <v>116</v>
      </c>
    </row>
    <row r="8" spans="1:2" ht="13.25" x14ac:dyDescent="0.25">
      <c r="A8" t="s">
        <v>15</v>
      </c>
      <c r="B8">
        <v>38</v>
      </c>
    </row>
    <row r="9" spans="1:2" ht="13.25" x14ac:dyDescent="0.25">
      <c r="A9" t="s">
        <v>16</v>
      </c>
      <c r="B9">
        <v>20</v>
      </c>
    </row>
    <row r="10" spans="1:2" ht="13.25" x14ac:dyDescent="0.25">
      <c r="A10" t="s">
        <v>17</v>
      </c>
      <c r="B10">
        <v>11</v>
      </c>
    </row>
    <row r="11" spans="1:2" ht="13.25" x14ac:dyDescent="0.25">
      <c r="A11" t="s">
        <v>18</v>
      </c>
      <c r="B11">
        <v>24</v>
      </c>
    </row>
    <row r="12" spans="1:2" ht="13.25" x14ac:dyDescent="0.25">
      <c r="A12" t="s">
        <v>19</v>
      </c>
      <c r="B12">
        <v>14</v>
      </c>
    </row>
  </sheetData>
  <pageMargins left="0.7" right="0.7" top="0.75" bottom="0.75" header="0.3" footer="0.3"/>
  <pageSetup orientation="portrait" horizontalDpi="1200" verticalDpi="1200" r:id="rId1"/>
  <headerFooter>
    <oddHeader>&amp;C&amp;"Calibri"&amp;12&amp;K000000  OFFICIAL&amp;1#_x000D_</oddHeader>
  </headerFooter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103277C-7EA0-4C9D-B7FB-0186E4D75225}">
  <sheetPr>
    <tabColor theme="2" tint="0.79998168889431442"/>
  </sheetPr>
  <dimension ref="A1:D12"/>
  <sheetViews>
    <sheetView showGridLines="0" workbookViewId="0">
      <selection activeCell="B31" sqref="B31"/>
    </sheetView>
  </sheetViews>
  <sheetFormatPr defaultRowHeight="12.5" x14ac:dyDescent="0.25"/>
  <cols>
    <col min="1" max="1" width="23.90625" customWidth="1"/>
  </cols>
  <sheetData>
    <row r="1" spans="1:4" ht="15.5" x14ac:dyDescent="0.35">
      <c r="A1" s="2" t="s">
        <v>4</v>
      </c>
    </row>
    <row r="2" spans="1:4" ht="13" x14ac:dyDescent="0.3">
      <c r="A2" s="11"/>
      <c r="B2" s="11"/>
      <c r="C2" s="11"/>
      <c r="D2" s="12"/>
    </row>
    <row r="4" spans="1:4" ht="13" x14ac:dyDescent="0.3">
      <c r="A4" s="1" t="s">
        <v>5</v>
      </c>
      <c r="B4" s="1" t="s">
        <v>6</v>
      </c>
    </row>
    <row r="5" spans="1:4" x14ac:dyDescent="0.25">
      <c r="A5" s="14" t="s">
        <v>130</v>
      </c>
      <c r="B5" t="s">
        <v>69</v>
      </c>
    </row>
    <row r="6" spans="1:4" x14ac:dyDescent="0.25">
      <c r="A6" s="14" t="s">
        <v>131</v>
      </c>
      <c r="B6" t="s">
        <v>72</v>
      </c>
    </row>
    <row r="7" spans="1:4" x14ac:dyDescent="0.25">
      <c r="A7" s="14" t="s">
        <v>73</v>
      </c>
      <c r="B7" t="s">
        <v>74</v>
      </c>
    </row>
    <row r="8" spans="1:4" x14ac:dyDescent="0.25">
      <c r="A8" s="6" t="s">
        <v>65</v>
      </c>
      <c r="B8" t="s">
        <v>7</v>
      </c>
    </row>
    <row r="9" spans="1:4" x14ac:dyDescent="0.25">
      <c r="A9" s="6" t="s">
        <v>66</v>
      </c>
      <c r="B9" t="s">
        <v>35</v>
      </c>
    </row>
    <row r="10" spans="1:4" x14ac:dyDescent="0.25">
      <c r="A10" s="6" t="s">
        <v>67</v>
      </c>
      <c r="B10" t="s">
        <v>34</v>
      </c>
    </row>
    <row r="11" spans="1:4" x14ac:dyDescent="0.25">
      <c r="A11" s="6" t="s">
        <v>36</v>
      </c>
      <c r="B11" t="s">
        <v>68</v>
      </c>
    </row>
    <row r="12" spans="1:4" x14ac:dyDescent="0.25">
      <c r="A12" s="6" t="s">
        <v>60</v>
      </c>
      <c r="B12" t="s">
        <v>61</v>
      </c>
    </row>
  </sheetData>
  <hyperlinks>
    <hyperlink ref="A6" location="'Figure 1b and Figure 1.2b'!A1" display="Figure 1b and Figure 1.2b" xr:uid="{03E4D889-76F3-495A-BDEA-D5AC190259E9}"/>
    <hyperlink ref="A5" location="'Figure 1a and Figure 1.2a'!A1" display="Figure 1a and Figure 1.2a" xr:uid="{766BDB49-EC28-4609-9CF7-296DD51F717F}"/>
    <hyperlink ref="A8" location="'Figure 2.2a'!A1" display="Figure 3" xr:uid="{1C8E42BC-C4AD-492D-92FC-5F4FB58DAF4D}"/>
    <hyperlink ref="A9" location="'Figure 2.2b'!A1" display="Figure 2.2b" xr:uid="{445CA244-4655-4C69-8E99-ABFB0BF3F5CA}"/>
    <hyperlink ref="A10" location="'Figure 2.2c'!A1" display="Figure 5" xr:uid="{CA226098-2830-4A71-BF4A-96187C4496A3}"/>
    <hyperlink ref="A11" location="'Figure 2.5'!A1" display="Figure 2.5" xr:uid="{0C2A6DD8-F370-4133-B1D1-7C5A2DC68A35}"/>
    <hyperlink ref="A7" location="'Figure 1.4'!A1" display="Figure 1.4" xr:uid="{3184C114-666E-4F8A-A55A-932700C9AC46}"/>
    <hyperlink ref="A12" location="'Figure 3.1'!A1" display="Figure 3.1" xr:uid="{E5A37ADB-E9BA-4A67-A2E2-81F046C103F7}"/>
  </hyperlinks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dimension ref="A1:C40"/>
  <sheetViews>
    <sheetView workbookViewId="0">
      <selection activeCell="J18" sqref="J18"/>
    </sheetView>
  </sheetViews>
  <sheetFormatPr defaultRowHeight="12.5" x14ac:dyDescent="0.25"/>
  <cols>
    <col min="1" max="1" width="29.08984375" customWidth="1"/>
  </cols>
  <sheetData>
    <row r="1" spans="1:3" ht="13" x14ac:dyDescent="0.3">
      <c r="A1" s="1" t="s">
        <v>130</v>
      </c>
      <c r="B1" t="s">
        <v>69</v>
      </c>
    </row>
    <row r="4" spans="1:3" ht="13.25" x14ac:dyDescent="0.25">
      <c r="B4" t="s">
        <v>70</v>
      </c>
      <c r="C4" t="s">
        <v>71</v>
      </c>
    </row>
    <row r="5" spans="1:3" ht="13.25" x14ac:dyDescent="0.25">
      <c r="A5">
        <v>1991</v>
      </c>
      <c r="B5" s="7">
        <v>333.2</v>
      </c>
      <c r="C5" s="7">
        <v>51.7</v>
      </c>
    </row>
    <row r="6" spans="1:3" ht="13.25" x14ac:dyDescent="0.25">
      <c r="A6">
        <v>1992</v>
      </c>
      <c r="B6" s="7"/>
      <c r="C6" s="7"/>
    </row>
    <row r="7" spans="1:3" ht="13.25" x14ac:dyDescent="0.25">
      <c r="A7">
        <v>1993</v>
      </c>
      <c r="B7" s="7">
        <v>336.5</v>
      </c>
      <c r="C7" s="7">
        <v>52.5</v>
      </c>
    </row>
    <row r="8" spans="1:3" ht="13.25" x14ac:dyDescent="0.25">
      <c r="A8">
        <v>1994</v>
      </c>
      <c r="B8" s="7"/>
      <c r="C8" s="7"/>
    </row>
    <row r="9" spans="1:3" ht="13.25" x14ac:dyDescent="0.25">
      <c r="A9">
        <v>1995</v>
      </c>
      <c r="B9" s="7">
        <v>337.4</v>
      </c>
      <c r="C9" s="7">
        <v>58.3</v>
      </c>
    </row>
    <row r="10" spans="1:3" ht="13.25" x14ac:dyDescent="0.25">
      <c r="A10">
        <v>1996</v>
      </c>
      <c r="B10" s="7">
        <v>341</v>
      </c>
      <c r="C10" s="7">
        <v>58.4</v>
      </c>
    </row>
    <row r="11" spans="1:3" ht="13.25" x14ac:dyDescent="0.25">
      <c r="A11">
        <v>1997</v>
      </c>
      <c r="B11" s="7">
        <v>342.4</v>
      </c>
      <c r="C11" s="7">
        <v>59.3</v>
      </c>
    </row>
    <row r="12" spans="1:3" ht="13.25" x14ac:dyDescent="0.25">
      <c r="A12">
        <v>1998</v>
      </c>
      <c r="B12" s="7">
        <v>347.2</v>
      </c>
      <c r="C12" s="7">
        <v>62.3</v>
      </c>
    </row>
    <row r="13" spans="1:3" ht="13.25" x14ac:dyDescent="0.25">
      <c r="A13">
        <v>1999</v>
      </c>
      <c r="B13" s="7">
        <v>346.8</v>
      </c>
      <c r="C13" s="7">
        <v>63.3</v>
      </c>
    </row>
    <row r="14" spans="1:3" ht="13.25" x14ac:dyDescent="0.25">
      <c r="A14">
        <v>2000</v>
      </c>
      <c r="B14" s="7"/>
      <c r="C14" s="7"/>
    </row>
    <row r="15" spans="1:3" ht="13.25" x14ac:dyDescent="0.25">
      <c r="A15">
        <v>2001</v>
      </c>
      <c r="B15" s="7">
        <v>338.4</v>
      </c>
      <c r="C15" s="7">
        <v>62.6</v>
      </c>
    </row>
    <row r="16" spans="1:3" ht="13.25" x14ac:dyDescent="0.25">
      <c r="A16">
        <v>2002</v>
      </c>
      <c r="B16" s="7">
        <v>341.5</v>
      </c>
      <c r="C16" s="7">
        <v>63.9</v>
      </c>
    </row>
    <row r="17" spans="1:3" ht="13.25" x14ac:dyDescent="0.25">
      <c r="A17">
        <v>2003</v>
      </c>
      <c r="B17" s="7">
        <v>348.7</v>
      </c>
      <c r="C17" s="7">
        <v>64.3</v>
      </c>
    </row>
    <row r="18" spans="1:3" ht="13.25" x14ac:dyDescent="0.25">
      <c r="A18">
        <v>2004</v>
      </c>
      <c r="B18" s="7">
        <v>357.6</v>
      </c>
      <c r="C18" s="7">
        <v>66.3</v>
      </c>
    </row>
    <row r="19" spans="1:3" ht="13.25" x14ac:dyDescent="0.25">
      <c r="A19">
        <v>2005</v>
      </c>
      <c r="B19" s="7">
        <v>368.5</v>
      </c>
      <c r="C19" s="7">
        <v>69.7</v>
      </c>
    </row>
    <row r="20" spans="1:3" ht="13.25" x14ac:dyDescent="0.25">
      <c r="A20">
        <v>2006</v>
      </c>
      <c r="B20" s="7">
        <v>383.5</v>
      </c>
      <c r="C20" s="7">
        <v>71.7</v>
      </c>
    </row>
    <row r="21" spans="1:3" ht="13.25" x14ac:dyDescent="0.25">
      <c r="A21">
        <v>2007</v>
      </c>
      <c r="B21" s="7">
        <v>394.5</v>
      </c>
      <c r="C21" s="7">
        <v>74.5</v>
      </c>
    </row>
    <row r="22" spans="1:3" ht="13.25" x14ac:dyDescent="0.25">
      <c r="A22">
        <v>2008</v>
      </c>
      <c r="B22" s="7">
        <v>410.9</v>
      </c>
      <c r="C22" s="7">
        <v>79.099999999999994</v>
      </c>
    </row>
    <row r="23" spans="1:3" ht="13.25" x14ac:dyDescent="0.25">
      <c r="A23">
        <v>2009</v>
      </c>
      <c r="B23" s="7">
        <v>421.7</v>
      </c>
      <c r="C23" s="7">
        <v>81.2</v>
      </c>
    </row>
    <row r="24" spans="1:3" ht="13.25" x14ac:dyDescent="0.25">
      <c r="A24">
        <v>2010</v>
      </c>
      <c r="B24" s="7">
        <v>431.3</v>
      </c>
      <c r="C24" s="7">
        <v>82.4</v>
      </c>
    </row>
    <row r="25" spans="1:3" ht="13.25" x14ac:dyDescent="0.25">
      <c r="A25">
        <v>2011</v>
      </c>
      <c r="B25" s="7">
        <v>437.8</v>
      </c>
      <c r="C25" s="7">
        <v>86</v>
      </c>
    </row>
    <row r="26" spans="1:3" ht="13.25" x14ac:dyDescent="0.25">
      <c r="A26">
        <v>2012</v>
      </c>
      <c r="B26" s="7">
        <v>446.4</v>
      </c>
      <c r="C26" s="7">
        <v>88</v>
      </c>
    </row>
    <row r="27" spans="1:3" ht="13.25" x14ac:dyDescent="0.25">
      <c r="A27">
        <v>2013</v>
      </c>
      <c r="B27" s="7">
        <v>457.1</v>
      </c>
      <c r="C27" s="7">
        <v>90.9</v>
      </c>
    </row>
    <row r="28" spans="1:3" ht="13.25" x14ac:dyDescent="0.25">
      <c r="A28">
        <v>2014</v>
      </c>
      <c r="B28" s="7">
        <v>465.1</v>
      </c>
      <c r="C28" s="7">
        <v>93.9</v>
      </c>
    </row>
    <row r="29" spans="1:3" x14ac:dyDescent="0.25">
      <c r="A29">
        <v>2015</v>
      </c>
      <c r="B29" s="7">
        <v>472.3</v>
      </c>
      <c r="C29" s="7">
        <v>95</v>
      </c>
    </row>
    <row r="30" spans="1:3" x14ac:dyDescent="0.25">
      <c r="A30">
        <v>2016</v>
      </c>
      <c r="B30" s="7">
        <v>480.2</v>
      </c>
      <c r="C30" s="7">
        <v>96.2</v>
      </c>
    </row>
    <row r="31" spans="1:3" x14ac:dyDescent="0.25">
      <c r="A31">
        <v>2017</v>
      </c>
      <c r="B31" s="7">
        <v>491.5</v>
      </c>
      <c r="C31" s="7">
        <v>98.1</v>
      </c>
    </row>
    <row r="32" spans="1:3" x14ac:dyDescent="0.25">
      <c r="A32">
        <v>2018</v>
      </c>
      <c r="B32" s="7">
        <v>505</v>
      </c>
      <c r="C32" s="7">
        <v>100.7</v>
      </c>
    </row>
    <row r="33" spans="1:3" x14ac:dyDescent="0.25">
      <c r="A33">
        <v>2019</v>
      </c>
      <c r="B33" s="7">
        <v>520.70000000000005</v>
      </c>
      <c r="C33" s="7">
        <v>103</v>
      </c>
    </row>
    <row r="34" spans="1:3" x14ac:dyDescent="0.25">
      <c r="A34">
        <v>2020</v>
      </c>
      <c r="B34" s="7">
        <v>535.5</v>
      </c>
      <c r="C34" s="7">
        <v>105.1</v>
      </c>
    </row>
    <row r="35" spans="1:3" x14ac:dyDescent="0.25">
      <c r="A35">
        <v>2021</v>
      </c>
      <c r="B35" s="7">
        <v>524.79999999999995</v>
      </c>
      <c r="C35" s="7">
        <v>110.7</v>
      </c>
    </row>
    <row r="36" spans="1:3" x14ac:dyDescent="0.25">
      <c r="A36">
        <v>2022</v>
      </c>
      <c r="B36" s="7">
        <v>562.5</v>
      </c>
      <c r="C36" s="7">
        <v>115.7</v>
      </c>
    </row>
    <row r="37" spans="1:3" x14ac:dyDescent="0.25">
      <c r="A37">
        <v>2023</v>
      </c>
      <c r="B37" s="7">
        <v>592.29999999999995</v>
      </c>
      <c r="C37" s="7">
        <v>120.3</v>
      </c>
    </row>
    <row r="38" spans="1:3" x14ac:dyDescent="0.25">
      <c r="A38">
        <v>2024</v>
      </c>
      <c r="B38" s="7">
        <v>630</v>
      </c>
      <c r="C38" s="7">
        <v>124.3</v>
      </c>
    </row>
    <row r="40" spans="1:3" x14ac:dyDescent="0.25">
      <c r="A40" s="9"/>
    </row>
  </sheetData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200-000000000000}">
  <dimension ref="A1:E56"/>
  <sheetViews>
    <sheetView workbookViewId="0"/>
  </sheetViews>
  <sheetFormatPr defaultRowHeight="12.5" x14ac:dyDescent="0.25"/>
  <cols>
    <col min="1" max="1" width="29.6328125" customWidth="1"/>
  </cols>
  <sheetData>
    <row r="1" spans="1:5" ht="13" x14ac:dyDescent="0.3">
      <c r="A1" s="1" t="s">
        <v>131</v>
      </c>
      <c r="B1" t="s">
        <v>125</v>
      </c>
    </row>
    <row r="4" spans="1:5" ht="13.25" x14ac:dyDescent="0.25">
      <c r="A4" s="4"/>
      <c r="B4" t="s">
        <v>70</v>
      </c>
      <c r="C4" t="s">
        <v>71</v>
      </c>
      <c r="E4" s="4"/>
    </row>
    <row r="5" spans="1:5" ht="13.25" x14ac:dyDescent="0.25">
      <c r="A5">
        <v>1975</v>
      </c>
      <c r="B5">
        <v>2.17</v>
      </c>
      <c r="C5">
        <v>10.210000000000001</v>
      </c>
    </row>
    <row r="6" spans="1:5" ht="13.25" x14ac:dyDescent="0.25">
      <c r="A6">
        <v>1976</v>
      </c>
      <c r="B6">
        <v>2.17</v>
      </c>
      <c r="C6">
        <v>10.54</v>
      </c>
    </row>
    <row r="7" spans="1:5" ht="13.25" x14ac:dyDescent="0.25">
      <c r="A7">
        <v>1977</v>
      </c>
      <c r="B7">
        <v>2.29</v>
      </c>
      <c r="C7">
        <v>10.86</v>
      </c>
    </row>
    <row r="8" spans="1:5" ht="13.25" x14ac:dyDescent="0.25">
      <c r="A8">
        <v>1978</v>
      </c>
      <c r="B8">
        <v>2.4300000000000002</v>
      </c>
      <c r="C8">
        <v>10.99</v>
      </c>
    </row>
    <row r="9" spans="1:5" ht="13.25" x14ac:dyDescent="0.25">
      <c r="A9">
        <v>1979</v>
      </c>
      <c r="B9">
        <v>2.59</v>
      </c>
      <c r="C9">
        <v>11.19</v>
      </c>
    </row>
    <row r="10" spans="1:5" ht="13.25" x14ac:dyDescent="0.25">
      <c r="A10">
        <v>1980</v>
      </c>
      <c r="B10">
        <v>2.5099999999999998</v>
      </c>
      <c r="C10">
        <v>11.32</v>
      </c>
    </row>
    <row r="11" spans="1:5" ht="13.25" x14ac:dyDescent="0.25">
      <c r="A11">
        <v>1981</v>
      </c>
      <c r="B11">
        <v>2.41</v>
      </c>
      <c r="C11">
        <v>12.19</v>
      </c>
    </row>
    <row r="12" spans="1:5" ht="13.25" x14ac:dyDescent="0.25">
      <c r="A12">
        <v>1982</v>
      </c>
      <c r="B12">
        <v>2.2799999999999998</v>
      </c>
      <c r="C12">
        <v>12.29</v>
      </c>
    </row>
    <row r="13" spans="1:5" ht="13.25" x14ac:dyDescent="0.25">
      <c r="A13">
        <v>1983</v>
      </c>
      <c r="B13">
        <v>2.44</v>
      </c>
      <c r="C13">
        <v>12.64</v>
      </c>
    </row>
    <row r="14" spans="1:5" ht="13.25" x14ac:dyDescent="0.25">
      <c r="A14">
        <v>1984</v>
      </c>
      <c r="B14">
        <v>2.63</v>
      </c>
      <c r="C14">
        <v>13.02</v>
      </c>
    </row>
    <row r="15" spans="1:5" ht="13.25" x14ac:dyDescent="0.25">
      <c r="A15">
        <v>1985</v>
      </c>
      <c r="B15">
        <v>2.79</v>
      </c>
      <c r="C15">
        <v>13.45</v>
      </c>
    </row>
    <row r="16" spans="1:5" ht="13.25" x14ac:dyDescent="0.25">
      <c r="A16">
        <v>1986</v>
      </c>
      <c r="B16">
        <v>2.91</v>
      </c>
      <c r="C16">
        <v>14.03</v>
      </c>
    </row>
    <row r="17" spans="1:3" ht="13.25" x14ac:dyDescent="0.25">
      <c r="A17">
        <v>1987</v>
      </c>
      <c r="B17">
        <v>3.01</v>
      </c>
      <c r="C17">
        <v>14.23</v>
      </c>
    </row>
    <row r="18" spans="1:3" ht="13.25" x14ac:dyDescent="0.25">
      <c r="A18">
        <v>1988</v>
      </c>
      <c r="B18">
        <v>3.06</v>
      </c>
      <c r="C18">
        <v>14.63</v>
      </c>
    </row>
    <row r="19" spans="1:3" ht="13.25" x14ac:dyDescent="0.25">
      <c r="A19">
        <v>1989</v>
      </c>
      <c r="B19">
        <v>3.11</v>
      </c>
      <c r="C19">
        <v>14.99</v>
      </c>
    </row>
    <row r="20" spans="1:3" ht="13.25" x14ac:dyDescent="0.25">
      <c r="A20">
        <v>1990</v>
      </c>
      <c r="B20">
        <v>3.22</v>
      </c>
      <c r="C20">
        <v>15.3</v>
      </c>
    </row>
    <row r="21" spans="1:3" ht="13.25" x14ac:dyDescent="0.25">
      <c r="A21">
        <v>1991</v>
      </c>
      <c r="B21">
        <v>3.3</v>
      </c>
      <c r="C21">
        <v>15.36</v>
      </c>
    </row>
    <row r="22" spans="1:3" ht="13.25" x14ac:dyDescent="0.25">
      <c r="A22">
        <v>1992</v>
      </c>
      <c r="B22">
        <v>3.3</v>
      </c>
      <c r="C22">
        <v>15.37</v>
      </c>
    </row>
    <row r="23" spans="1:3" ht="13.25" x14ac:dyDescent="0.25">
      <c r="A23">
        <v>1993</v>
      </c>
      <c r="B23">
        <v>3.3</v>
      </c>
      <c r="C23">
        <v>15.49</v>
      </c>
    </row>
    <row r="24" spans="1:3" ht="13.25" x14ac:dyDescent="0.25">
      <c r="A24">
        <v>1994</v>
      </c>
      <c r="B24">
        <v>3.29</v>
      </c>
      <c r="C24">
        <v>15.76</v>
      </c>
    </row>
    <row r="25" spans="1:3" ht="13.25" x14ac:dyDescent="0.25">
      <c r="A25">
        <v>1995</v>
      </c>
      <c r="B25">
        <v>3.31</v>
      </c>
      <c r="C25">
        <v>16.059999999999999</v>
      </c>
    </row>
    <row r="26" spans="1:3" ht="13.25" x14ac:dyDescent="0.25">
      <c r="A26">
        <v>1996</v>
      </c>
      <c r="B26">
        <v>3.32</v>
      </c>
      <c r="C26">
        <v>16.350000000000001</v>
      </c>
    </row>
    <row r="27" spans="1:3" ht="13.25" x14ac:dyDescent="0.25">
      <c r="A27">
        <v>1997</v>
      </c>
      <c r="B27">
        <v>3.33</v>
      </c>
      <c r="C27">
        <v>16.579999999999998</v>
      </c>
    </row>
    <row r="28" spans="1:3" ht="13.25" x14ac:dyDescent="0.25">
      <c r="A28">
        <v>1998</v>
      </c>
      <c r="B28">
        <v>3.36</v>
      </c>
      <c r="C28">
        <v>16.98</v>
      </c>
    </row>
    <row r="29" spans="1:3" x14ac:dyDescent="0.25">
      <c r="A29">
        <v>1999</v>
      </c>
      <c r="B29">
        <v>3.39</v>
      </c>
      <c r="C29">
        <v>17.510000000000002</v>
      </c>
    </row>
    <row r="30" spans="1:3" x14ac:dyDescent="0.25">
      <c r="A30">
        <v>2000</v>
      </c>
      <c r="B30">
        <v>3.46</v>
      </c>
      <c r="C30">
        <v>18.23</v>
      </c>
    </row>
    <row r="31" spans="1:3" x14ac:dyDescent="0.25">
      <c r="A31">
        <v>2001</v>
      </c>
      <c r="B31">
        <v>3.5</v>
      </c>
      <c r="C31">
        <v>18.91</v>
      </c>
    </row>
    <row r="32" spans="1:3" x14ac:dyDescent="0.25">
      <c r="A32">
        <v>2002</v>
      </c>
      <c r="B32">
        <v>3.52</v>
      </c>
      <c r="C32">
        <v>19.38</v>
      </c>
    </row>
    <row r="33" spans="1:3" x14ac:dyDescent="0.25">
      <c r="A33">
        <v>2003</v>
      </c>
      <c r="B33">
        <v>3.55</v>
      </c>
      <c r="C33">
        <v>19.72</v>
      </c>
    </row>
    <row r="34" spans="1:3" x14ac:dyDescent="0.25">
      <c r="A34">
        <v>2004</v>
      </c>
      <c r="B34">
        <v>3.58</v>
      </c>
      <c r="C34">
        <v>20.13</v>
      </c>
    </row>
    <row r="35" spans="1:3" x14ac:dyDescent="0.25">
      <c r="A35">
        <v>2005</v>
      </c>
      <c r="B35">
        <v>3.6</v>
      </c>
      <c r="C35">
        <v>20.43</v>
      </c>
    </row>
    <row r="36" spans="1:3" x14ac:dyDescent="0.25">
      <c r="A36">
        <v>2006</v>
      </c>
      <c r="B36">
        <v>3.64</v>
      </c>
      <c r="C36">
        <v>20.74</v>
      </c>
    </row>
    <row r="37" spans="1:3" x14ac:dyDescent="0.25">
      <c r="A37">
        <v>2007</v>
      </c>
      <c r="B37">
        <v>3.67</v>
      </c>
      <c r="C37">
        <v>21.04</v>
      </c>
    </row>
    <row r="38" spans="1:3" x14ac:dyDescent="0.25">
      <c r="A38">
        <v>2008</v>
      </c>
      <c r="B38">
        <v>3.68</v>
      </c>
      <c r="C38">
        <v>21.19</v>
      </c>
    </row>
    <row r="39" spans="1:3" x14ac:dyDescent="0.25">
      <c r="A39">
        <v>2009</v>
      </c>
      <c r="B39">
        <v>3.69</v>
      </c>
      <c r="C39">
        <v>21.29</v>
      </c>
    </row>
    <row r="40" spans="1:3" x14ac:dyDescent="0.25">
      <c r="A40">
        <v>2010</v>
      </c>
      <c r="B40">
        <v>3.69</v>
      </c>
      <c r="C40">
        <v>21.27</v>
      </c>
    </row>
    <row r="41" spans="1:3" x14ac:dyDescent="0.25">
      <c r="A41">
        <v>2011</v>
      </c>
      <c r="B41">
        <v>3.68</v>
      </c>
      <c r="C41">
        <v>21.15</v>
      </c>
    </row>
    <row r="42" spans="1:3" x14ac:dyDescent="0.25">
      <c r="A42">
        <v>2012</v>
      </c>
      <c r="B42">
        <v>3.66</v>
      </c>
      <c r="C42">
        <v>21.02</v>
      </c>
    </row>
    <row r="43" spans="1:3" x14ac:dyDescent="0.25">
      <c r="A43">
        <v>2013</v>
      </c>
      <c r="B43">
        <v>3.65</v>
      </c>
      <c r="C43">
        <v>20.92</v>
      </c>
    </row>
    <row r="44" spans="1:3" x14ac:dyDescent="0.25">
      <c r="A44">
        <v>2014</v>
      </c>
      <c r="B44">
        <v>3.63</v>
      </c>
      <c r="C44">
        <v>20.83</v>
      </c>
    </row>
    <row r="45" spans="1:3" x14ac:dyDescent="0.25">
      <c r="A45">
        <v>2015</v>
      </c>
      <c r="B45">
        <v>3.62</v>
      </c>
      <c r="C45">
        <v>20.79</v>
      </c>
    </row>
    <row r="46" spans="1:3" x14ac:dyDescent="0.25">
      <c r="A46">
        <v>2016</v>
      </c>
      <c r="B46">
        <v>3.62</v>
      </c>
      <c r="C46">
        <v>20.93</v>
      </c>
    </row>
    <row r="47" spans="1:3" x14ac:dyDescent="0.25">
      <c r="A47">
        <v>2017</v>
      </c>
      <c r="B47">
        <v>3.61</v>
      </c>
      <c r="C47">
        <v>21.03</v>
      </c>
    </row>
    <row r="48" spans="1:3" x14ac:dyDescent="0.25">
      <c r="A48">
        <v>2018</v>
      </c>
      <c r="B48">
        <v>3.61</v>
      </c>
      <c r="C48">
        <v>21.11</v>
      </c>
    </row>
    <row r="49" spans="1:3" x14ac:dyDescent="0.25">
      <c r="A49">
        <v>2019</v>
      </c>
      <c r="B49">
        <v>3.6</v>
      </c>
      <c r="C49">
        <v>21.23</v>
      </c>
    </row>
    <row r="50" spans="1:3" x14ac:dyDescent="0.25">
      <c r="A50">
        <v>2020</v>
      </c>
      <c r="B50">
        <v>3.6</v>
      </c>
      <c r="C50">
        <v>21.3</v>
      </c>
    </row>
    <row r="51" spans="1:3" x14ac:dyDescent="0.25">
      <c r="A51">
        <v>2021</v>
      </c>
      <c r="B51">
        <v>3.62</v>
      </c>
      <c r="C51">
        <v>21.47</v>
      </c>
    </row>
    <row r="52" spans="1:3" x14ac:dyDescent="0.25">
      <c r="A52">
        <v>2022</v>
      </c>
      <c r="B52">
        <v>3.64</v>
      </c>
      <c r="C52">
        <v>21.67</v>
      </c>
    </row>
    <row r="53" spans="1:3" x14ac:dyDescent="0.25">
      <c r="A53">
        <v>2023</v>
      </c>
      <c r="B53">
        <v>3.66</v>
      </c>
      <c r="C53">
        <v>21.83</v>
      </c>
    </row>
    <row r="54" spans="1:3" x14ac:dyDescent="0.25">
      <c r="A54">
        <v>2024</v>
      </c>
      <c r="B54">
        <v>3.67</v>
      </c>
      <c r="C54">
        <v>21.87</v>
      </c>
    </row>
    <row r="56" spans="1:3" x14ac:dyDescent="0.25">
      <c r="A56" s="9"/>
    </row>
  </sheetData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68430A-4758-4B7F-8D45-596A00AFCE6C}">
  <dimension ref="A1:N56"/>
  <sheetViews>
    <sheetView workbookViewId="0">
      <selection activeCell="N9" sqref="N9"/>
    </sheetView>
  </sheetViews>
  <sheetFormatPr defaultRowHeight="12.5" x14ac:dyDescent="0.25"/>
  <cols>
    <col min="1" max="1" width="15.54296875" customWidth="1"/>
  </cols>
  <sheetData>
    <row r="1" spans="1:14" ht="13" x14ac:dyDescent="0.3">
      <c r="A1" s="1" t="s">
        <v>73</v>
      </c>
      <c r="B1" t="s">
        <v>74</v>
      </c>
    </row>
    <row r="2" spans="1:14" ht="13.25" x14ac:dyDescent="0.25">
      <c r="B2" t="s">
        <v>75</v>
      </c>
    </row>
    <row r="4" spans="1:14" ht="13.25" x14ac:dyDescent="0.25">
      <c r="A4" s="4"/>
      <c r="B4" t="s">
        <v>76</v>
      </c>
      <c r="E4" s="8" t="s">
        <v>124</v>
      </c>
    </row>
    <row r="5" spans="1:14" ht="13.25" x14ac:dyDescent="0.25">
      <c r="B5" t="s">
        <v>77</v>
      </c>
      <c r="C5" t="s">
        <v>78</v>
      </c>
      <c r="D5" t="s">
        <v>79</v>
      </c>
      <c r="E5" t="s">
        <v>77</v>
      </c>
      <c r="F5" t="s">
        <v>78</v>
      </c>
      <c r="G5" t="s">
        <v>79</v>
      </c>
    </row>
    <row r="6" spans="1:14" ht="13.25" x14ac:dyDescent="0.25">
      <c r="A6" t="s">
        <v>80</v>
      </c>
      <c r="B6" s="10">
        <v>18.8</v>
      </c>
      <c r="C6" s="10">
        <v>55.3</v>
      </c>
      <c r="D6" s="10">
        <v>94.1</v>
      </c>
      <c r="E6" s="10">
        <v>42.4</v>
      </c>
      <c r="F6" s="10">
        <v>10</v>
      </c>
      <c r="G6" s="10">
        <v>3.7</v>
      </c>
    </row>
    <row r="7" spans="1:14" ht="13.25" x14ac:dyDescent="0.25">
      <c r="A7" t="s">
        <v>81</v>
      </c>
      <c r="B7" s="10">
        <v>18.2</v>
      </c>
      <c r="C7" s="10">
        <v>51.4</v>
      </c>
      <c r="D7" s="10">
        <v>78.400000000000006</v>
      </c>
      <c r="E7" s="10">
        <v>41</v>
      </c>
      <c r="F7" s="10">
        <v>8.5</v>
      </c>
      <c r="G7" s="10">
        <v>2.5</v>
      </c>
    </row>
    <row r="8" spans="1:14" ht="13.25" x14ac:dyDescent="0.25">
      <c r="A8" t="s">
        <v>82</v>
      </c>
      <c r="B8" s="10">
        <v>20.100000000000001</v>
      </c>
      <c r="C8" s="10">
        <v>55.8</v>
      </c>
      <c r="D8" s="10">
        <v>91.3</v>
      </c>
      <c r="E8" s="10">
        <v>44.9</v>
      </c>
      <c r="F8" s="10">
        <v>9.6</v>
      </c>
      <c r="G8" s="10">
        <v>3</v>
      </c>
    </row>
    <row r="9" spans="1:14" ht="13" x14ac:dyDescent="0.3">
      <c r="A9" t="s">
        <v>83</v>
      </c>
      <c r="B9" s="10">
        <v>21.4</v>
      </c>
      <c r="C9" s="10">
        <v>62.8</v>
      </c>
      <c r="D9" s="10">
        <v>93.3</v>
      </c>
      <c r="E9" s="10">
        <v>48.1</v>
      </c>
      <c r="F9" s="10">
        <v>9.8000000000000007</v>
      </c>
      <c r="G9" s="10">
        <v>3</v>
      </c>
      <c r="I9" s="1"/>
      <c r="N9" s="1"/>
    </row>
    <row r="10" spans="1:14" ht="13.25" x14ac:dyDescent="0.25">
      <c r="A10" t="s">
        <v>84</v>
      </c>
      <c r="B10" s="10">
        <v>22.6</v>
      </c>
      <c r="C10" s="10">
        <v>66.5</v>
      </c>
      <c r="D10" s="10">
        <v>99</v>
      </c>
      <c r="E10" s="10">
        <v>50.5</v>
      </c>
      <c r="F10" s="10">
        <v>10.8</v>
      </c>
      <c r="G10" s="10">
        <v>2.8</v>
      </c>
    </row>
    <row r="11" spans="1:14" ht="13.25" x14ac:dyDescent="0.25">
      <c r="A11" t="s">
        <v>85</v>
      </c>
      <c r="B11" s="10">
        <v>22.7</v>
      </c>
      <c r="C11" s="10">
        <v>69.099999999999994</v>
      </c>
      <c r="D11" s="10">
        <v>92.5</v>
      </c>
      <c r="E11" s="10">
        <v>51.1</v>
      </c>
      <c r="F11" s="10">
        <v>11.3</v>
      </c>
      <c r="G11" s="10">
        <v>2.7</v>
      </c>
    </row>
    <row r="12" spans="1:14" ht="13.25" x14ac:dyDescent="0.25">
      <c r="A12" t="s">
        <v>86</v>
      </c>
      <c r="B12" s="10">
        <v>25.3</v>
      </c>
      <c r="C12" s="10">
        <v>69.7</v>
      </c>
      <c r="D12" s="10">
        <v>90.9</v>
      </c>
      <c r="E12" s="10">
        <v>56.6</v>
      </c>
      <c r="F12" s="10">
        <v>12.2</v>
      </c>
      <c r="G12" s="10">
        <v>2.7</v>
      </c>
    </row>
    <row r="13" spans="1:14" ht="13.25" x14ac:dyDescent="0.25">
      <c r="A13" t="s">
        <v>87</v>
      </c>
      <c r="B13" s="10">
        <v>27.4</v>
      </c>
      <c r="C13" s="10">
        <v>66.8</v>
      </c>
      <c r="D13" s="10">
        <v>87.8</v>
      </c>
      <c r="E13" s="10">
        <v>61.2</v>
      </c>
      <c r="F13" s="10">
        <v>13.8</v>
      </c>
      <c r="G13" s="10">
        <v>2.9</v>
      </c>
    </row>
    <row r="14" spans="1:14" ht="13.25" x14ac:dyDescent="0.25">
      <c r="A14" t="s">
        <v>88</v>
      </c>
      <c r="B14" s="10">
        <v>28.6</v>
      </c>
      <c r="C14" s="10">
        <v>74.3</v>
      </c>
      <c r="D14" s="10">
        <v>91.3</v>
      </c>
      <c r="E14" s="10">
        <v>63.8</v>
      </c>
      <c r="F14" s="10">
        <v>13.6</v>
      </c>
      <c r="G14" s="10">
        <v>2.9</v>
      </c>
    </row>
    <row r="15" spans="1:14" ht="13.25" x14ac:dyDescent="0.25">
      <c r="A15" t="s">
        <v>89</v>
      </c>
      <c r="B15" s="10">
        <v>26.8</v>
      </c>
      <c r="C15" s="10">
        <v>77.7</v>
      </c>
      <c r="D15" s="10">
        <v>90.8</v>
      </c>
      <c r="E15" s="10">
        <v>59.8</v>
      </c>
      <c r="F15" s="10">
        <v>13.4</v>
      </c>
      <c r="G15" s="10">
        <v>3</v>
      </c>
    </row>
    <row r="16" spans="1:14" ht="13.25" x14ac:dyDescent="0.25">
      <c r="A16" t="s">
        <v>90</v>
      </c>
      <c r="B16" s="10">
        <v>28</v>
      </c>
      <c r="C16" s="10">
        <v>85.5</v>
      </c>
      <c r="D16" s="10">
        <v>93.3</v>
      </c>
      <c r="E16" s="10">
        <v>61.8</v>
      </c>
      <c r="F16" s="10">
        <v>13.8</v>
      </c>
      <c r="G16" s="10">
        <v>3.1</v>
      </c>
    </row>
    <row r="17" spans="1:7" ht="13.25" x14ac:dyDescent="0.25">
      <c r="A17" t="s">
        <v>91</v>
      </c>
      <c r="B17" s="10">
        <v>29.6</v>
      </c>
      <c r="C17" s="10">
        <v>85.5</v>
      </c>
      <c r="D17" s="10">
        <v>92.8</v>
      </c>
      <c r="E17" s="10">
        <v>64.5</v>
      </c>
      <c r="F17" s="10">
        <v>15.2</v>
      </c>
      <c r="G17" s="10">
        <v>3.2</v>
      </c>
    </row>
    <row r="18" spans="1:7" ht="13.25" x14ac:dyDescent="0.25">
      <c r="A18" t="s">
        <v>92</v>
      </c>
      <c r="B18" s="10">
        <v>31.1</v>
      </c>
      <c r="C18" s="10">
        <v>88.4</v>
      </c>
      <c r="D18" s="10">
        <v>95.4</v>
      </c>
      <c r="E18" s="10">
        <v>67.099999999999994</v>
      </c>
      <c r="F18" s="10">
        <v>15.9</v>
      </c>
      <c r="G18" s="10">
        <v>3.4</v>
      </c>
    </row>
    <row r="19" spans="1:7" ht="13.25" x14ac:dyDescent="0.25">
      <c r="A19" t="s">
        <v>93</v>
      </c>
      <c r="B19" s="10">
        <v>33</v>
      </c>
      <c r="C19" s="10">
        <v>91</v>
      </c>
      <c r="D19" s="10">
        <v>105.6</v>
      </c>
      <c r="E19" s="10">
        <v>70.7</v>
      </c>
      <c r="F19" s="10">
        <v>15.2</v>
      </c>
      <c r="G19" s="10">
        <v>3.6</v>
      </c>
    </row>
    <row r="20" spans="1:7" ht="13.25" x14ac:dyDescent="0.25">
      <c r="A20" t="s">
        <v>94</v>
      </c>
      <c r="B20" s="10">
        <v>35.5</v>
      </c>
      <c r="C20" s="10">
        <v>95.6</v>
      </c>
      <c r="D20" s="10">
        <v>102.4</v>
      </c>
      <c r="E20" s="10">
        <v>75</v>
      </c>
      <c r="F20" s="10">
        <v>14.6</v>
      </c>
      <c r="G20" s="10">
        <v>3.7</v>
      </c>
    </row>
    <row r="21" spans="1:7" ht="13.25" x14ac:dyDescent="0.25">
      <c r="A21" t="s">
        <v>95</v>
      </c>
      <c r="B21" s="10">
        <v>37.700000000000003</v>
      </c>
      <c r="C21" s="10">
        <v>104</v>
      </c>
      <c r="D21" s="10">
        <v>109</v>
      </c>
      <c r="E21" s="10">
        <v>79.099999999999994</v>
      </c>
      <c r="F21" s="10">
        <v>15.6</v>
      </c>
      <c r="G21" s="10">
        <v>3.6</v>
      </c>
    </row>
    <row r="22" spans="1:7" ht="13.25" x14ac:dyDescent="0.25">
      <c r="A22" t="s">
        <v>96</v>
      </c>
      <c r="B22" s="10">
        <v>39.9</v>
      </c>
      <c r="C22" s="10">
        <v>107.7</v>
      </c>
      <c r="D22" s="10">
        <v>112.1</v>
      </c>
      <c r="E22" s="10">
        <v>82.6</v>
      </c>
      <c r="F22" s="10">
        <v>17.899999999999999</v>
      </c>
      <c r="G22" s="10">
        <v>4.8</v>
      </c>
    </row>
    <row r="23" spans="1:7" ht="13.25" x14ac:dyDescent="0.25">
      <c r="A23" t="s">
        <v>97</v>
      </c>
      <c r="B23" s="10">
        <v>42.1</v>
      </c>
      <c r="C23" s="10">
        <v>109.5</v>
      </c>
      <c r="D23" s="10">
        <v>104.4</v>
      </c>
      <c r="E23" s="10">
        <v>86.1</v>
      </c>
      <c r="F23" s="10">
        <v>18.399999999999999</v>
      </c>
      <c r="G23" s="10">
        <v>4.4000000000000004</v>
      </c>
    </row>
    <row r="24" spans="1:7" ht="13.25" x14ac:dyDescent="0.25">
      <c r="A24" t="s">
        <v>98</v>
      </c>
      <c r="B24" s="10">
        <v>44.6</v>
      </c>
      <c r="C24" s="10">
        <v>114.4</v>
      </c>
      <c r="D24" s="10">
        <v>102.6</v>
      </c>
      <c r="E24" s="10">
        <v>90.3</v>
      </c>
      <c r="F24" s="10">
        <v>19.2</v>
      </c>
      <c r="G24" s="10">
        <v>6.3</v>
      </c>
    </row>
    <row r="25" spans="1:7" ht="13.25" x14ac:dyDescent="0.25">
      <c r="A25" t="s">
        <v>99</v>
      </c>
      <c r="B25" s="10">
        <v>46.2</v>
      </c>
      <c r="C25" s="10">
        <v>117.9</v>
      </c>
      <c r="D25" s="10">
        <v>97.1</v>
      </c>
      <c r="E25" s="10">
        <v>93</v>
      </c>
      <c r="F25" s="10">
        <v>19.600000000000001</v>
      </c>
      <c r="G25" s="10">
        <v>7.4</v>
      </c>
    </row>
    <row r="26" spans="1:7" ht="13.25" x14ac:dyDescent="0.25">
      <c r="A26" t="s">
        <v>100</v>
      </c>
      <c r="B26" s="10">
        <v>48.8</v>
      </c>
      <c r="C26" s="10">
        <v>129.6</v>
      </c>
      <c r="D26" s="10">
        <v>102.9</v>
      </c>
      <c r="E26" s="10">
        <v>97.4</v>
      </c>
      <c r="F26" s="10">
        <v>20.9</v>
      </c>
      <c r="G26" s="10">
        <v>7.6</v>
      </c>
    </row>
    <row r="27" spans="1:7" ht="13.25" x14ac:dyDescent="0.25">
      <c r="A27" t="s">
        <v>101</v>
      </c>
      <c r="B27" s="10">
        <v>50.6</v>
      </c>
      <c r="C27" s="10">
        <v>138.80000000000001</v>
      </c>
      <c r="D27" s="10">
        <v>106.4</v>
      </c>
      <c r="E27" s="10">
        <v>100</v>
      </c>
      <c r="F27" s="10">
        <v>21.8</v>
      </c>
      <c r="G27" s="10">
        <v>8.5</v>
      </c>
    </row>
    <row r="28" spans="1:7" ht="13.25" x14ac:dyDescent="0.25">
      <c r="A28" t="s">
        <v>102</v>
      </c>
      <c r="B28" s="10">
        <v>53.7</v>
      </c>
      <c r="C28" s="10">
        <v>142.80000000000001</v>
      </c>
      <c r="D28" s="10">
        <v>108.6</v>
      </c>
      <c r="E28" s="10">
        <v>105.1</v>
      </c>
      <c r="F28" s="10">
        <v>25.9</v>
      </c>
      <c r="G28" s="10">
        <v>8.6999999999999993</v>
      </c>
    </row>
    <row r="29" spans="1:7" x14ac:dyDescent="0.25">
      <c r="A29" t="s">
        <v>103</v>
      </c>
      <c r="B29" s="10">
        <v>55.2</v>
      </c>
      <c r="C29" s="10">
        <v>155</v>
      </c>
      <c r="D29" s="10">
        <v>106.7</v>
      </c>
      <c r="E29" s="10">
        <v>107.1</v>
      </c>
      <c r="F29" s="10">
        <v>29</v>
      </c>
      <c r="G29" s="10">
        <v>7.4</v>
      </c>
    </row>
    <row r="30" spans="1:7" x14ac:dyDescent="0.25">
      <c r="A30" t="s">
        <v>104</v>
      </c>
      <c r="B30" s="10">
        <v>57.5</v>
      </c>
      <c r="C30" s="10">
        <v>157</v>
      </c>
      <c r="D30" s="10">
        <v>115.4</v>
      </c>
      <c r="E30" s="10">
        <v>110.6</v>
      </c>
      <c r="F30" s="10">
        <v>32.4</v>
      </c>
      <c r="G30" s="10">
        <v>6.8</v>
      </c>
    </row>
    <row r="31" spans="1:7" x14ac:dyDescent="0.25">
      <c r="A31" t="s">
        <v>105</v>
      </c>
      <c r="B31" s="10">
        <v>60.6</v>
      </c>
      <c r="C31" s="10">
        <v>172.7</v>
      </c>
      <c r="D31" s="10">
        <v>119.5</v>
      </c>
      <c r="E31" s="10">
        <v>115.4</v>
      </c>
      <c r="F31" s="10">
        <v>26.3</v>
      </c>
      <c r="G31" s="10">
        <v>8</v>
      </c>
    </row>
    <row r="32" spans="1:7" x14ac:dyDescent="0.25">
      <c r="A32" t="s">
        <v>106</v>
      </c>
      <c r="B32" s="10">
        <v>63.7</v>
      </c>
      <c r="C32" s="10">
        <v>187.4</v>
      </c>
      <c r="D32" s="10">
        <v>112.3</v>
      </c>
      <c r="E32" s="10">
        <v>119.8</v>
      </c>
      <c r="F32" s="10">
        <v>31.3</v>
      </c>
      <c r="G32" s="10">
        <v>9.6</v>
      </c>
    </row>
    <row r="33" spans="1:7" x14ac:dyDescent="0.25">
      <c r="A33" t="s">
        <v>107</v>
      </c>
      <c r="B33" s="10">
        <v>64.099999999999994</v>
      </c>
      <c r="C33" s="10">
        <v>207.6</v>
      </c>
      <c r="D33" s="10">
        <v>100.3</v>
      </c>
      <c r="E33" s="10">
        <v>119.3</v>
      </c>
      <c r="F33" s="10">
        <v>29.6</v>
      </c>
      <c r="G33" s="10">
        <v>9.3000000000000007</v>
      </c>
    </row>
    <row r="34" spans="1:7" x14ac:dyDescent="0.25">
      <c r="A34" t="s">
        <v>108</v>
      </c>
      <c r="B34" s="10">
        <v>64</v>
      </c>
      <c r="C34" s="10">
        <v>230.5</v>
      </c>
      <c r="D34" s="10">
        <v>106.5</v>
      </c>
      <c r="E34" s="10">
        <v>117.5</v>
      </c>
      <c r="F34" s="10">
        <v>28.1</v>
      </c>
      <c r="G34" s="10">
        <v>9.8000000000000007</v>
      </c>
    </row>
    <row r="35" spans="1:7" x14ac:dyDescent="0.25">
      <c r="A35" t="s">
        <v>109</v>
      </c>
      <c r="B35" s="10">
        <v>68.2</v>
      </c>
      <c r="C35" s="10">
        <v>233.8</v>
      </c>
      <c r="D35" s="10">
        <v>102.9</v>
      </c>
      <c r="E35" s="10">
        <v>123.4</v>
      </c>
      <c r="F35" s="10">
        <v>28</v>
      </c>
      <c r="G35" s="10">
        <v>10.5</v>
      </c>
    </row>
    <row r="36" spans="1:7" x14ac:dyDescent="0.25">
      <c r="A36" t="s">
        <v>110</v>
      </c>
      <c r="B36" s="10">
        <v>71.7</v>
      </c>
      <c r="C36" s="10">
        <v>260</v>
      </c>
      <c r="D36" s="10">
        <v>94.8</v>
      </c>
      <c r="E36" s="10">
        <v>127.8</v>
      </c>
      <c r="F36" s="10">
        <v>30.7</v>
      </c>
      <c r="G36" s="10">
        <v>7.8</v>
      </c>
    </row>
    <row r="37" spans="1:7" x14ac:dyDescent="0.25">
      <c r="A37" t="s">
        <v>111</v>
      </c>
      <c r="B37" s="10">
        <v>72.3</v>
      </c>
      <c r="C37" s="10">
        <v>288.10000000000002</v>
      </c>
      <c r="D37" s="10">
        <v>96.2</v>
      </c>
      <c r="E37" s="10">
        <v>126.9</v>
      </c>
      <c r="F37" s="10">
        <v>30.8</v>
      </c>
      <c r="G37" s="10">
        <v>7.8</v>
      </c>
    </row>
    <row r="38" spans="1:7" x14ac:dyDescent="0.25">
      <c r="A38" t="s">
        <v>112</v>
      </c>
      <c r="B38" s="10">
        <v>73.7</v>
      </c>
      <c r="C38" s="10">
        <v>337.6</v>
      </c>
      <c r="D38" s="10">
        <v>96.3</v>
      </c>
      <c r="E38" s="10">
        <v>127.1</v>
      </c>
      <c r="F38" s="10">
        <v>30.1</v>
      </c>
      <c r="G38" s="10">
        <v>7.6</v>
      </c>
    </row>
    <row r="39" spans="1:7" x14ac:dyDescent="0.25">
      <c r="A39" t="s">
        <v>113</v>
      </c>
      <c r="B39" s="10">
        <v>74.7</v>
      </c>
      <c r="C39" s="10">
        <v>369.4</v>
      </c>
      <c r="D39" s="10">
        <v>98.4</v>
      </c>
      <c r="E39" s="10">
        <v>127.8</v>
      </c>
      <c r="F39" s="10">
        <v>32.200000000000003</v>
      </c>
      <c r="G39" s="10">
        <v>6.8</v>
      </c>
    </row>
    <row r="40" spans="1:7" x14ac:dyDescent="0.25">
      <c r="A40" t="s">
        <v>114</v>
      </c>
      <c r="B40" s="10">
        <v>75.5</v>
      </c>
      <c r="C40" s="10">
        <v>382.8</v>
      </c>
      <c r="D40" s="10">
        <v>102.9</v>
      </c>
      <c r="E40" s="10">
        <v>129.30000000000001</v>
      </c>
      <c r="F40" s="10">
        <v>31.1</v>
      </c>
      <c r="G40" s="10">
        <v>7.2</v>
      </c>
    </row>
    <row r="41" spans="1:7" x14ac:dyDescent="0.25">
      <c r="A41" t="s">
        <v>115</v>
      </c>
      <c r="B41" s="10">
        <v>76.900000000000006</v>
      </c>
      <c r="C41" s="10">
        <v>392.7</v>
      </c>
      <c r="D41" s="10">
        <v>100</v>
      </c>
      <c r="E41" s="10">
        <v>131.6</v>
      </c>
      <c r="F41" s="10">
        <v>31.7</v>
      </c>
      <c r="G41" s="10">
        <v>7.5</v>
      </c>
    </row>
    <row r="42" spans="1:7" x14ac:dyDescent="0.25">
      <c r="A42" t="s">
        <v>116</v>
      </c>
      <c r="B42" s="10">
        <v>79</v>
      </c>
      <c r="C42" s="10">
        <v>401.5</v>
      </c>
      <c r="D42" s="10">
        <v>100.3</v>
      </c>
      <c r="E42" s="10">
        <v>135.19999999999999</v>
      </c>
      <c r="F42" s="10">
        <v>31.9</v>
      </c>
      <c r="G42" s="10">
        <v>8.5</v>
      </c>
    </row>
    <row r="43" spans="1:7" x14ac:dyDescent="0.25">
      <c r="A43" t="s">
        <v>117</v>
      </c>
      <c r="B43" s="10">
        <v>81.3</v>
      </c>
      <c r="C43" s="10">
        <v>407.3</v>
      </c>
      <c r="D43" s="10">
        <v>112.4</v>
      </c>
      <c r="E43" s="10">
        <v>139.19999999999999</v>
      </c>
      <c r="F43" s="10">
        <v>31.2</v>
      </c>
      <c r="G43" s="10">
        <v>8.3000000000000007</v>
      </c>
    </row>
    <row r="44" spans="1:7" x14ac:dyDescent="0.25">
      <c r="A44" t="s">
        <v>118</v>
      </c>
      <c r="B44" s="10">
        <v>82.2</v>
      </c>
      <c r="C44" s="10">
        <v>403.5</v>
      </c>
      <c r="D44" s="10">
        <v>100.5</v>
      </c>
      <c r="E44" s="10">
        <v>140.69999999999999</v>
      </c>
      <c r="F44" s="10">
        <v>31.6</v>
      </c>
      <c r="G44" s="10">
        <v>8.5</v>
      </c>
    </row>
    <row r="45" spans="1:7" x14ac:dyDescent="0.25">
      <c r="A45" t="s">
        <v>119</v>
      </c>
      <c r="B45" s="10">
        <v>84.9</v>
      </c>
      <c r="C45" s="10">
        <v>400.2</v>
      </c>
      <c r="D45" s="10">
        <v>88.1</v>
      </c>
      <c r="E45" s="10">
        <v>145.19999999999999</v>
      </c>
      <c r="F45" s="10">
        <v>32.799999999999997</v>
      </c>
      <c r="G45" s="10">
        <v>8.5</v>
      </c>
    </row>
    <row r="46" spans="1:7" x14ac:dyDescent="0.25">
      <c r="A46" t="s">
        <v>120</v>
      </c>
      <c r="B46" s="10">
        <v>86.5</v>
      </c>
      <c r="C46" s="10">
        <v>407.6</v>
      </c>
      <c r="D46" s="10">
        <v>87.6</v>
      </c>
      <c r="E46" s="10">
        <v>148.1</v>
      </c>
      <c r="F46" s="10">
        <v>31.8</v>
      </c>
      <c r="G46" s="10">
        <v>8.1999999999999993</v>
      </c>
    </row>
    <row r="47" spans="1:7" x14ac:dyDescent="0.25">
      <c r="A47" t="s">
        <v>121</v>
      </c>
      <c r="B47" s="10">
        <v>89.2</v>
      </c>
      <c r="C47" s="10">
        <v>413.3</v>
      </c>
      <c r="D47" s="10">
        <v>82.3</v>
      </c>
      <c r="E47" s="10">
        <v>152.6</v>
      </c>
      <c r="F47" s="10">
        <v>29.5</v>
      </c>
      <c r="G47" s="10">
        <v>9.1</v>
      </c>
    </row>
    <row r="48" spans="1:7" x14ac:dyDescent="0.25">
      <c r="A48" t="s">
        <v>122</v>
      </c>
      <c r="B48" s="10">
        <v>91.9</v>
      </c>
      <c r="C48" s="10">
        <v>416.8</v>
      </c>
      <c r="D48" s="10">
        <v>80</v>
      </c>
      <c r="E48" s="10">
        <v>157.1</v>
      </c>
      <c r="F48" s="10">
        <v>29.6</v>
      </c>
      <c r="G48" s="10">
        <v>8.1999999999999993</v>
      </c>
    </row>
    <row r="49" spans="1:7" x14ac:dyDescent="0.25">
      <c r="A49" t="s">
        <v>123</v>
      </c>
      <c r="B49" s="10">
        <v>93.3</v>
      </c>
      <c r="C49" s="10">
        <v>414.7</v>
      </c>
      <c r="D49" s="10">
        <v>78.400000000000006</v>
      </c>
      <c r="E49" s="10">
        <v>159.6</v>
      </c>
      <c r="F49" s="10">
        <v>32</v>
      </c>
      <c r="G49" s="10">
        <v>8.1999999999999993</v>
      </c>
    </row>
    <row r="51" spans="1:7" x14ac:dyDescent="0.25">
      <c r="A51" s="9"/>
    </row>
    <row r="56" spans="1:7" x14ac:dyDescent="0.25">
      <c r="A56" s="9"/>
    </row>
  </sheetData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FA39D16-A564-495D-94DA-A2A81C69832A}">
  <dimension ref="A1:B28"/>
  <sheetViews>
    <sheetView zoomScaleNormal="100" workbookViewId="0"/>
  </sheetViews>
  <sheetFormatPr defaultRowHeight="12.5" x14ac:dyDescent="0.25"/>
  <cols>
    <col min="1" max="1" width="18.6328125" customWidth="1"/>
    <col min="2" max="2" width="19.90625" bestFit="1" customWidth="1"/>
    <col min="3" max="3" width="26" bestFit="1" customWidth="1"/>
  </cols>
  <sheetData>
    <row r="1" spans="1:2" ht="13" x14ac:dyDescent="0.3">
      <c r="A1" s="1" t="s">
        <v>65</v>
      </c>
      <c r="B1" t="s">
        <v>7</v>
      </c>
    </row>
    <row r="4" spans="1:2" ht="13.25" x14ac:dyDescent="0.25">
      <c r="B4" t="s">
        <v>126</v>
      </c>
    </row>
    <row r="5" spans="1:2" ht="13.25" x14ac:dyDescent="0.25">
      <c r="A5" t="s">
        <v>8</v>
      </c>
      <c r="B5">
        <v>2176</v>
      </c>
    </row>
    <row r="6" spans="1:2" ht="13.25" x14ac:dyDescent="0.25">
      <c r="A6" t="s">
        <v>9</v>
      </c>
      <c r="B6">
        <v>3762</v>
      </c>
    </row>
    <row r="7" spans="1:2" ht="13.25" x14ac:dyDescent="0.25">
      <c r="A7" t="s">
        <v>10</v>
      </c>
      <c r="B7">
        <v>3818</v>
      </c>
    </row>
    <row r="8" spans="1:2" ht="13.25" x14ac:dyDescent="0.25">
      <c r="A8" t="s">
        <v>11</v>
      </c>
      <c r="B8">
        <v>5281</v>
      </c>
    </row>
    <row r="9" spans="1:2" ht="13.25" x14ac:dyDescent="0.25">
      <c r="A9" t="s">
        <v>12</v>
      </c>
      <c r="B9">
        <v>7344</v>
      </c>
    </row>
    <row r="10" spans="1:2" ht="13.25" x14ac:dyDescent="0.25">
      <c r="A10" t="s">
        <v>13</v>
      </c>
      <c r="B10">
        <v>7345</v>
      </c>
    </row>
    <row r="11" spans="1:2" ht="13.25" x14ac:dyDescent="0.25">
      <c r="A11" t="s">
        <v>14</v>
      </c>
      <c r="B11">
        <v>9102</v>
      </c>
    </row>
    <row r="12" spans="1:2" ht="13.25" x14ac:dyDescent="0.25">
      <c r="A12" t="s">
        <v>15</v>
      </c>
      <c r="B12">
        <v>11375</v>
      </c>
    </row>
    <row r="13" spans="1:2" ht="13.25" x14ac:dyDescent="0.25">
      <c r="A13" t="s">
        <v>16</v>
      </c>
      <c r="B13">
        <v>12932</v>
      </c>
    </row>
    <row r="14" spans="1:2" ht="13.25" x14ac:dyDescent="0.25">
      <c r="A14" t="s">
        <v>17</v>
      </c>
      <c r="B14">
        <v>18205</v>
      </c>
    </row>
    <row r="15" spans="1:2" ht="13.25" x14ac:dyDescent="0.25">
      <c r="A15" t="s">
        <v>18</v>
      </c>
      <c r="B15">
        <v>24303</v>
      </c>
    </row>
    <row r="16" spans="1:2" ht="13.25" x14ac:dyDescent="0.25">
      <c r="A16" t="s">
        <v>19</v>
      </c>
      <c r="B16">
        <v>33599</v>
      </c>
    </row>
    <row r="27" spans="1:1" ht="13" x14ac:dyDescent="0.3">
      <c r="A27" s="1"/>
    </row>
    <row r="28" spans="1:1" ht="13" x14ac:dyDescent="0.3">
      <c r="A28" s="1"/>
    </row>
  </sheetData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D9FA12F-BB36-428F-89E1-3B232415C113}">
  <dimension ref="A1:D28"/>
  <sheetViews>
    <sheetView zoomScaleNormal="100" workbookViewId="0">
      <selection activeCell="K19" sqref="K19"/>
    </sheetView>
  </sheetViews>
  <sheetFormatPr defaultRowHeight="12.5" x14ac:dyDescent="0.25"/>
  <cols>
    <col min="1" max="1" width="31.453125" customWidth="1"/>
    <col min="2" max="2" width="11.90625" customWidth="1"/>
    <col min="3" max="3" width="20.453125" customWidth="1"/>
    <col min="4" max="4" width="17.36328125" customWidth="1"/>
  </cols>
  <sheetData>
    <row r="1" spans="1:4" ht="13" x14ac:dyDescent="0.3">
      <c r="A1" s="1" t="s">
        <v>66</v>
      </c>
      <c r="B1" t="s">
        <v>127</v>
      </c>
    </row>
    <row r="3" spans="1:4" ht="21.9" customHeight="1" x14ac:dyDescent="0.25">
      <c r="D3" s="5"/>
    </row>
    <row r="4" spans="1:4" ht="27" customHeight="1" x14ac:dyDescent="0.25">
      <c r="A4" t="s">
        <v>20</v>
      </c>
      <c r="B4" s="5" t="s">
        <v>128</v>
      </c>
      <c r="C4" s="5" t="s">
        <v>129</v>
      </c>
    </row>
    <row r="5" spans="1:4" ht="24.9" customHeight="1" x14ac:dyDescent="0.25">
      <c r="A5" s="5" t="s">
        <v>21</v>
      </c>
      <c r="B5">
        <v>191760</v>
      </c>
      <c r="C5" s="5">
        <v>162060</v>
      </c>
    </row>
    <row r="6" spans="1:4" ht="25" x14ac:dyDescent="0.25">
      <c r="A6" s="5" t="s">
        <v>22</v>
      </c>
      <c r="B6">
        <v>61710</v>
      </c>
      <c r="C6" s="5">
        <v>63590</v>
      </c>
    </row>
    <row r="27" spans="1:1" ht="13" x14ac:dyDescent="0.3">
      <c r="A27" s="1"/>
    </row>
    <row r="28" spans="1:1" ht="13" x14ac:dyDescent="0.3">
      <c r="A28" s="1"/>
    </row>
  </sheetData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0154BD7-D44F-4A65-9DD7-B59556FAFD7F}">
  <dimension ref="A1:C28"/>
  <sheetViews>
    <sheetView workbookViewId="0">
      <selection activeCell="L28" sqref="L28"/>
    </sheetView>
  </sheetViews>
  <sheetFormatPr defaultRowHeight="12.5" x14ac:dyDescent="0.25"/>
  <cols>
    <col min="1" max="1" width="18.6328125" customWidth="1"/>
    <col min="2" max="2" width="33.453125" customWidth="1"/>
    <col min="3" max="3" width="26" bestFit="1" customWidth="1"/>
  </cols>
  <sheetData>
    <row r="1" spans="1:3" ht="13" x14ac:dyDescent="0.3">
      <c r="A1" s="1" t="s">
        <v>67</v>
      </c>
      <c r="B1" t="s">
        <v>34</v>
      </c>
    </row>
    <row r="4" spans="1:3" ht="13.25" x14ac:dyDescent="0.25">
      <c r="B4" t="s">
        <v>32</v>
      </c>
      <c r="C4" t="s">
        <v>33</v>
      </c>
    </row>
    <row r="5" spans="1:3" ht="13.25" x14ac:dyDescent="0.25">
      <c r="A5" t="s">
        <v>23</v>
      </c>
      <c r="B5">
        <v>3.54</v>
      </c>
      <c r="C5">
        <v>11.75</v>
      </c>
    </row>
    <row r="6" spans="1:3" ht="13.25" x14ac:dyDescent="0.25">
      <c r="A6" t="s">
        <v>24</v>
      </c>
      <c r="B6">
        <v>1.62</v>
      </c>
      <c r="C6">
        <v>8.85</v>
      </c>
    </row>
    <row r="7" spans="1:3" ht="13.25" x14ac:dyDescent="0.25">
      <c r="A7" t="s">
        <v>25</v>
      </c>
      <c r="B7">
        <v>1.07</v>
      </c>
      <c r="C7">
        <v>4.8</v>
      </c>
    </row>
    <row r="8" spans="1:3" ht="13.25" x14ac:dyDescent="0.25">
      <c r="A8" t="s">
        <v>26</v>
      </c>
      <c r="B8">
        <v>1.0900000000000001</v>
      </c>
      <c r="C8">
        <v>4.58</v>
      </c>
    </row>
    <row r="9" spans="1:3" ht="13.25" x14ac:dyDescent="0.25">
      <c r="A9" t="s">
        <v>27</v>
      </c>
      <c r="B9">
        <v>0.99</v>
      </c>
      <c r="C9">
        <v>4.45</v>
      </c>
    </row>
    <row r="10" spans="1:3" ht="13.25" x14ac:dyDescent="0.25">
      <c r="A10" t="s">
        <v>28</v>
      </c>
      <c r="B10">
        <v>0.91</v>
      </c>
      <c r="C10">
        <v>5.19</v>
      </c>
    </row>
    <row r="11" spans="1:3" ht="13.25" x14ac:dyDescent="0.25">
      <c r="A11" t="s">
        <v>29</v>
      </c>
      <c r="B11">
        <v>2.21</v>
      </c>
      <c r="C11">
        <v>7.42</v>
      </c>
    </row>
    <row r="12" spans="1:3" ht="13.25" x14ac:dyDescent="0.25">
      <c r="A12" t="s">
        <v>30</v>
      </c>
      <c r="B12">
        <v>2.7</v>
      </c>
      <c r="C12">
        <v>14.83</v>
      </c>
    </row>
    <row r="13" spans="1:3" ht="13.25" x14ac:dyDescent="0.25">
      <c r="A13" t="s">
        <v>31</v>
      </c>
      <c r="B13">
        <v>1.76</v>
      </c>
      <c r="C13">
        <v>6.08</v>
      </c>
    </row>
    <row r="27" spans="1:1" ht="13" x14ac:dyDescent="0.3">
      <c r="A27" s="1"/>
    </row>
    <row r="28" spans="1:1" ht="13" x14ac:dyDescent="0.3">
      <c r="A28" s="1"/>
    </row>
  </sheetData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4C7A6C8-6AA2-441F-AAE8-E5653E75B09F}">
  <dimension ref="A1:G28"/>
  <sheetViews>
    <sheetView zoomScaleNormal="100" workbookViewId="0">
      <selection activeCell="Q34" sqref="Q34"/>
    </sheetView>
  </sheetViews>
  <sheetFormatPr defaultRowHeight="12.5" x14ac:dyDescent="0.25"/>
  <cols>
    <col min="1" max="1" width="18.6328125" customWidth="1"/>
    <col min="2" max="2" width="13.90625" customWidth="1"/>
    <col min="3" max="3" width="21.54296875" customWidth="1"/>
    <col min="4" max="4" width="21.08984375" customWidth="1"/>
    <col min="5" max="5" width="17.08984375" customWidth="1"/>
    <col min="6" max="6" width="24.453125" customWidth="1"/>
    <col min="7" max="7" width="22.54296875" customWidth="1"/>
  </cols>
  <sheetData>
    <row r="1" spans="1:7" ht="13" x14ac:dyDescent="0.3">
      <c r="A1" s="1" t="s">
        <v>36</v>
      </c>
      <c r="B1" t="s">
        <v>68</v>
      </c>
    </row>
    <row r="3" spans="1:7" s="5" customFormat="1" ht="20.399999999999999" customHeight="1" x14ac:dyDescent="0.25"/>
    <row r="4" spans="1:7" x14ac:dyDescent="0.25">
      <c r="A4" s="5"/>
      <c r="B4" s="5" t="s">
        <v>57</v>
      </c>
      <c r="C4" s="5" t="s">
        <v>58</v>
      </c>
      <c r="D4" s="5" t="s">
        <v>59</v>
      </c>
      <c r="E4" s="5" t="s">
        <v>62</v>
      </c>
      <c r="F4" s="5" t="s">
        <v>63</v>
      </c>
      <c r="G4" s="5" t="s">
        <v>64</v>
      </c>
    </row>
    <row r="5" spans="1:7" x14ac:dyDescent="0.25">
      <c r="A5" t="s">
        <v>37</v>
      </c>
      <c r="B5">
        <v>36</v>
      </c>
      <c r="C5">
        <v>2</v>
      </c>
      <c r="D5">
        <v>39</v>
      </c>
      <c r="E5">
        <v>0</v>
      </c>
      <c r="F5">
        <v>0</v>
      </c>
      <c r="G5">
        <v>28</v>
      </c>
    </row>
    <row r="6" spans="1:7" x14ac:dyDescent="0.25">
      <c r="A6" t="s">
        <v>38</v>
      </c>
      <c r="B6">
        <v>66</v>
      </c>
      <c r="C6">
        <v>2</v>
      </c>
      <c r="D6">
        <v>42</v>
      </c>
      <c r="E6">
        <v>0</v>
      </c>
      <c r="F6">
        <v>0</v>
      </c>
      <c r="G6">
        <v>28</v>
      </c>
    </row>
    <row r="7" spans="1:7" x14ac:dyDescent="0.25">
      <c r="A7" t="s">
        <v>39</v>
      </c>
      <c r="B7">
        <v>89</v>
      </c>
      <c r="C7">
        <v>2</v>
      </c>
      <c r="D7">
        <v>49</v>
      </c>
      <c r="E7">
        <v>0</v>
      </c>
      <c r="F7">
        <v>0</v>
      </c>
      <c r="G7">
        <v>28</v>
      </c>
    </row>
    <row r="8" spans="1:7" x14ac:dyDescent="0.25">
      <c r="A8" t="s">
        <v>40</v>
      </c>
      <c r="B8">
        <v>115</v>
      </c>
      <c r="C8">
        <v>3</v>
      </c>
      <c r="D8">
        <v>55</v>
      </c>
      <c r="E8">
        <v>0</v>
      </c>
      <c r="F8">
        <v>0</v>
      </c>
      <c r="G8">
        <v>28</v>
      </c>
    </row>
    <row r="9" spans="1:7" x14ac:dyDescent="0.25">
      <c r="A9" t="s">
        <v>41</v>
      </c>
      <c r="B9">
        <v>128</v>
      </c>
      <c r="C9">
        <v>3</v>
      </c>
      <c r="D9">
        <v>64</v>
      </c>
      <c r="E9">
        <v>0</v>
      </c>
      <c r="F9">
        <v>0</v>
      </c>
      <c r="G9">
        <v>28</v>
      </c>
    </row>
    <row r="10" spans="1:7" x14ac:dyDescent="0.25">
      <c r="A10" t="s">
        <v>42</v>
      </c>
      <c r="B10">
        <v>166</v>
      </c>
      <c r="C10">
        <v>3</v>
      </c>
      <c r="D10">
        <v>70</v>
      </c>
      <c r="E10">
        <v>0</v>
      </c>
      <c r="F10">
        <v>0</v>
      </c>
      <c r="G10">
        <v>27</v>
      </c>
    </row>
    <row r="11" spans="1:7" x14ac:dyDescent="0.25">
      <c r="A11" t="s">
        <v>43</v>
      </c>
      <c r="B11">
        <v>175</v>
      </c>
      <c r="C11">
        <v>2</v>
      </c>
      <c r="D11">
        <v>76</v>
      </c>
      <c r="E11">
        <v>0</v>
      </c>
      <c r="F11">
        <v>0</v>
      </c>
      <c r="G11">
        <v>26</v>
      </c>
    </row>
    <row r="12" spans="1:7" x14ac:dyDescent="0.25">
      <c r="A12" t="s">
        <v>44</v>
      </c>
      <c r="B12">
        <v>181</v>
      </c>
      <c r="C12">
        <v>2</v>
      </c>
      <c r="D12">
        <v>88</v>
      </c>
      <c r="E12">
        <v>0</v>
      </c>
      <c r="F12">
        <v>0</v>
      </c>
      <c r="G12">
        <v>25</v>
      </c>
    </row>
    <row r="13" spans="1:7" x14ac:dyDescent="0.25">
      <c r="A13" t="s">
        <v>45</v>
      </c>
      <c r="B13">
        <v>224</v>
      </c>
      <c r="C13">
        <v>9</v>
      </c>
      <c r="D13">
        <v>92</v>
      </c>
      <c r="E13">
        <v>0</v>
      </c>
      <c r="F13">
        <v>0</v>
      </c>
      <c r="G13">
        <v>20</v>
      </c>
    </row>
    <row r="14" spans="1:7" x14ac:dyDescent="0.25">
      <c r="A14" t="s">
        <v>46</v>
      </c>
      <c r="B14">
        <v>283</v>
      </c>
      <c r="C14">
        <v>10</v>
      </c>
      <c r="D14">
        <v>104</v>
      </c>
      <c r="E14">
        <v>0</v>
      </c>
      <c r="F14">
        <v>0</v>
      </c>
      <c r="G14">
        <v>20</v>
      </c>
    </row>
    <row r="15" spans="1:7" x14ac:dyDescent="0.25">
      <c r="A15" t="s">
        <v>47</v>
      </c>
      <c r="B15">
        <v>311</v>
      </c>
      <c r="C15">
        <v>12</v>
      </c>
      <c r="D15">
        <v>121</v>
      </c>
      <c r="E15">
        <v>0</v>
      </c>
      <c r="F15">
        <v>0</v>
      </c>
      <c r="G15">
        <v>20</v>
      </c>
    </row>
    <row r="16" spans="1:7" x14ac:dyDescent="0.25">
      <c r="A16" t="s">
        <v>48</v>
      </c>
      <c r="B16">
        <v>337</v>
      </c>
      <c r="C16">
        <v>14</v>
      </c>
      <c r="D16">
        <v>149</v>
      </c>
      <c r="E16">
        <v>0</v>
      </c>
      <c r="F16">
        <v>0</v>
      </c>
      <c r="G16">
        <v>20</v>
      </c>
    </row>
    <row r="17" spans="1:7" x14ac:dyDescent="0.25">
      <c r="A17" t="s">
        <v>49</v>
      </c>
      <c r="B17">
        <v>384</v>
      </c>
      <c r="C17">
        <v>16</v>
      </c>
      <c r="D17">
        <v>173</v>
      </c>
      <c r="E17">
        <v>0</v>
      </c>
      <c r="F17">
        <v>0</v>
      </c>
      <c r="G17">
        <v>20</v>
      </c>
    </row>
    <row r="18" spans="1:7" x14ac:dyDescent="0.25">
      <c r="A18" t="s">
        <v>50</v>
      </c>
      <c r="B18">
        <v>444</v>
      </c>
      <c r="C18">
        <v>18</v>
      </c>
      <c r="D18">
        <v>199</v>
      </c>
      <c r="E18">
        <v>0</v>
      </c>
      <c r="F18">
        <v>0</v>
      </c>
      <c r="G18">
        <v>20</v>
      </c>
    </row>
    <row r="19" spans="1:7" x14ac:dyDescent="0.25">
      <c r="A19" t="s">
        <v>51</v>
      </c>
      <c r="B19">
        <v>548</v>
      </c>
      <c r="C19">
        <v>23</v>
      </c>
      <c r="D19">
        <v>228</v>
      </c>
      <c r="E19">
        <v>1</v>
      </c>
      <c r="F19">
        <v>1</v>
      </c>
      <c r="G19">
        <v>20</v>
      </c>
    </row>
    <row r="20" spans="1:7" x14ac:dyDescent="0.25">
      <c r="A20" t="s">
        <v>52</v>
      </c>
      <c r="B20">
        <v>605</v>
      </c>
      <c r="C20">
        <v>27</v>
      </c>
      <c r="D20">
        <v>245</v>
      </c>
      <c r="E20">
        <v>1</v>
      </c>
      <c r="F20">
        <v>1</v>
      </c>
      <c r="G20">
        <v>21</v>
      </c>
    </row>
    <row r="21" spans="1:7" x14ac:dyDescent="0.25">
      <c r="A21" t="s">
        <v>53</v>
      </c>
      <c r="B21">
        <v>660</v>
      </c>
      <c r="C21">
        <v>37</v>
      </c>
      <c r="D21">
        <v>264</v>
      </c>
      <c r="E21">
        <v>1</v>
      </c>
      <c r="F21">
        <v>1</v>
      </c>
      <c r="G21">
        <v>21</v>
      </c>
    </row>
    <row r="22" spans="1:7" x14ac:dyDescent="0.25">
      <c r="A22" t="s">
        <v>54</v>
      </c>
      <c r="B22">
        <v>716</v>
      </c>
      <c r="C22">
        <v>44</v>
      </c>
      <c r="D22">
        <v>293</v>
      </c>
      <c r="E22">
        <v>3</v>
      </c>
      <c r="F22">
        <v>1</v>
      </c>
      <c r="G22">
        <v>20</v>
      </c>
    </row>
    <row r="23" spans="1:7" x14ac:dyDescent="0.25">
      <c r="A23" t="s">
        <v>55</v>
      </c>
      <c r="B23">
        <v>817</v>
      </c>
      <c r="C23">
        <v>66</v>
      </c>
      <c r="D23">
        <v>308</v>
      </c>
      <c r="E23">
        <v>3</v>
      </c>
      <c r="F23">
        <v>1</v>
      </c>
      <c r="G23">
        <v>20</v>
      </c>
    </row>
    <row r="24" spans="1:7" x14ac:dyDescent="0.25">
      <c r="A24" t="s">
        <v>56</v>
      </c>
      <c r="B24">
        <v>946</v>
      </c>
      <c r="C24">
        <v>67</v>
      </c>
      <c r="D24">
        <v>341</v>
      </c>
      <c r="E24">
        <v>3</v>
      </c>
      <c r="F24">
        <v>1</v>
      </c>
      <c r="G24">
        <v>19</v>
      </c>
    </row>
    <row r="27" spans="1:7" ht="13" x14ac:dyDescent="0.3">
      <c r="A27" s="1"/>
    </row>
    <row r="28" spans="1:7" ht="13" x14ac:dyDescent="0.3">
      <c r="A28" s="1"/>
    </row>
  </sheetData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9beb6452-e7b0-403b-b32b-96f5450e506a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9beb6452-e7b0-403b-b32b-96f5450e506a">
      <Value>1</Value>
    </TaxCatchAll>
    <lcf76f155ced4ddcb4097134ff3c332f xmlns="7e31a1a6-89bc-44d5-9878-1485f9e27fdf">
      <Terms xmlns="http://schemas.microsoft.com/office/infopath/2007/PartnerControls"/>
    </lcf76f155ced4ddcb4097134ff3c332f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Supporting chart data workbook","templateDescription":"Use for data you plan to publish on the website. Includes 'about' and 'contents' tabs.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FED0D41EE8DCF49ADEF1C4DFAE2AB8E" ma:contentTypeVersion="13" ma:contentTypeDescription="Create a new document." ma:contentTypeScope="" ma:versionID="4bc0c3f4b6ebfc2d039f0cba59075928">
  <xsd:schema xmlns:xsd="http://www.w3.org/2001/XMLSchema" xmlns:xs="http://www.w3.org/2001/XMLSchema" xmlns:p="http://schemas.microsoft.com/office/2006/metadata/properties" xmlns:ns2="9beb6452-e7b0-403b-b32b-96f5450e506a" xmlns:ns3="7e31a1a6-89bc-44d5-9878-1485f9e27fdf" targetNamespace="http://schemas.microsoft.com/office/2006/metadata/properties" ma:root="true" ma:fieldsID="1293bf00cba919202d4667a77d2954e5" ns2:_="" ns3:_="">
    <xsd:import namespace="9beb6452-e7b0-403b-b32b-96f5450e506a"/>
    <xsd:import namespace="7e31a1a6-89bc-44d5-9878-1485f9e27fdf"/>
    <xsd:element name="properties">
      <xsd:complexType>
        <xsd:sequence>
          <xsd:element name="documentManagement">
            <xsd:complexType>
              <xsd:all>
                <xsd:element ref="ns2:i0f84bba906045b4af568ee102a52dcb" minOccurs="0"/>
                <xsd:element ref="ns2:TaxCatchAll" minOccurs="0"/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DateTaken" minOccurs="0"/>
                <xsd:element ref="ns3:lcf76f155ced4ddcb4097134ff3c332f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beb6452-e7b0-403b-b32b-96f5450e506a" elementFormDefault="qualified">
    <xsd:import namespace="http://schemas.microsoft.com/office/2006/documentManagement/types"/>
    <xsd:import namespace="http://schemas.microsoft.com/office/infopath/2007/PartnerControls"/>
    <xsd:element name="i0f84bba906045b4af568ee102a52dcb" ma:index="9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3063826c-3045-48f3-a924-99a4d06fde03}" ma:internalName="TaxCatchAll" ma:showField="CatchAllData" ma:web="9beb6452-e7b0-403b-b32b-96f5450e506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e31a1a6-89bc-44d5-9878-1485f9e27fd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9F20219-30C9-49A3-96BB-820882E5EDD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93BC4386-3508-4A94-8140-DBE6021FAD4B}">
  <ds:schemaRefs>
    <ds:schemaRef ds:uri="http://www.w3.org/XML/1998/namespace"/>
    <ds:schemaRef ds:uri="http://purl.org/dc/dcmitype/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purl.org/dc/terms/"/>
    <ds:schemaRef ds:uri="7e31a1a6-89bc-44d5-9878-1485f9e27fdf"/>
    <ds:schemaRef ds:uri="http://schemas.microsoft.com/office/2006/metadata/properties"/>
    <ds:schemaRef ds:uri="http://schemas.openxmlformats.org/package/2006/metadata/core-properties"/>
    <ds:schemaRef ds:uri="9beb6452-e7b0-403b-b32b-96f5450e506a"/>
  </ds:schemaRefs>
</ds:datastoreItem>
</file>

<file path=customXml/itemProps3.xml><?xml version="1.0" encoding="utf-8"?>
<ds:datastoreItem xmlns:ds="http://schemas.openxmlformats.org/officeDocument/2006/customXml" ds:itemID="{168F4CAC-6CD7-408D-BE27-FD39377746C1}">
  <ds:schemaRefs/>
</ds:datastoreItem>
</file>

<file path=customXml/itemProps4.xml><?xml version="1.0" encoding="utf-8"?>
<ds:datastoreItem xmlns:ds="http://schemas.openxmlformats.org/officeDocument/2006/customXml" ds:itemID="{E39C53D9-7E05-4995-A2F1-978F1BB9C9F5}">
  <ds:schemaRefs/>
</ds:datastoreItem>
</file>

<file path=customXml/itemProps5.xml><?xml version="1.0" encoding="utf-8"?>
<ds:datastoreItem xmlns:ds="http://schemas.openxmlformats.org/officeDocument/2006/customXml" ds:itemID="{CC031FE6-E52A-45CC-A414-9242C91D07D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beb6452-e7b0-403b-b32b-96f5450e506a"/>
    <ds:schemaRef ds:uri="7e31a1a6-89bc-44d5-9878-1485f9e27fd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0</vt:i4>
      </vt:variant>
    </vt:vector>
  </HeadingPairs>
  <TitlesOfParts>
    <vt:vector size="10" baseType="lpstr">
      <vt:lpstr>About</vt:lpstr>
      <vt:lpstr>Contents</vt:lpstr>
      <vt:lpstr>Figure 1a and Figure 1.2a</vt:lpstr>
      <vt:lpstr>Figure 1b and Figure 1.2b</vt:lpstr>
      <vt:lpstr>Figure 1.4</vt:lpstr>
      <vt:lpstr>Figure 2.2a</vt:lpstr>
      <vt:lpstr>Figure 2.2b</vt:lpstr>
      <vt:lpstr>Figure 2.2c</vt:lpstr>
      <vt:lpstr>Figure 2.5</vt:lpstr>
      <vt:lpstr>Figure 3.1</vt:lpstr>
    </vt:vector>
  </TitlesOfParts>
  <Manager/>
  <Company>Productivity Commission</Company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hart data - Interim report - Impacts of heavy vehicle reforms</dc:title>
  <dc:subject/>
  <dc:creator>Productivity Commission</dc:creator>
  <cp:keywords/>
  <dc:description/>
  <cp:lastModifiedBy>Chris Alston</cp:lastModifiedBy>
  <cp:revision/>
  <dcterms:created xsi:type="dcterms:W3CDTF">2026-03-26T02:59:35Z</dcterms:created>
  <dcterms:modified xsi:type="dcterms:W3CDTF">2026-04-07T04:41:03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FED0D41EE8DCF49ADEF1C4DFAE2AB8E</vt:lpwstr>
  </property>
  <property fmtid="{D5CDD505-2E9C-101B-9397-08002B2CF9AE}" pid="3" name="RevIMBCS">
    <vt:lpwstr>1;#Unclassified|3955eeb1-2d18-4582-aeb2-00144ec3aaf5</vt:lpwstr>
  </property>
  <property fmtid="{D5CDD505-2E9C-101B-9397-08002B2CF9AE}" pid="4" name="_dlc_DocIdItemGuid">
    <vt:lpwstr>f1bb8445-dda7-4657-a2c2-662ba86ad2f0</vt:lpwstr>
  </property>
  <property fmtid="{D5CDD505-2E9C-101B-9397-08002B2CF9AE}" pid="5" name="MSIP_Label_f7467c1a-e0ed-413c-a72b-aac8e8e94f41_Enabled">
    <vt:lpwstr>true</vt:lpwstr>
  </property>
  <property fmtid="{D5CDD505-2E9C-101B-9397-08002B2CF9AE}" pid="6" name="MSIP_Label_f7467c1a-e0ed-413c-a72b-aac8e8e94f41_SetDate">
    <vt:lpwstr>2025-11-17T23:57:31Z</vt:lpwstr>
  </property>
  <property fmtid="{D5CDD505-2E9C-101B-9397-08002B2CF9AE}" pid="7" name="MSIP_Label_f7467c1a-e0ed-413c-a72b-aac8e8e94f41_Method">
    <vt:lpwstr>Privileged</vt:lpwstr>
  </property>
  <property fmtid="{D5CDD505-2E9C-101B-9397-08002B2CF9AE}" pid="8" name="MSIP_Label_f7467c1a-e0ed-413c-a72b-aac8e8e94f41_Name">
    <vt:lpwstr>OFFICIAL</vt:lpwstr>
  </property>
  <property fmtid="{D5CDD505-2E9C-101B-9397-08002B2CF9AE}" pid="9" name="MSIP_Label_f7467c1a-e0ed-413c-a72b-aac8e8e94f41_SiteId">
    <vt:lpwstr>29f9330b-c0fe-4244-830e-ba9f275d6c34</vt:lpwstr>
  </property>
  <property fmtid="{D5CDD505-2E9C-101B-9397-08002B2CF9AE}" pid="10" name="MSIP_Label_f7467c1a-e0ed-413c-a72b-aac8e8e94f41_ActionId">
    <vt:lpwstr>a24b23db-f1e9-4e04-876d-e85ee325c2f1</vt:lpwstr>
  </property>
  <property fmtid="{D5CDD505-2E9C-101B-9397-08002B2CF9AE}" pid="11" name="MSIP_Label_f7467c1a-e0ed-413c-a72b-aac8e8e94f41_ContentBits">
    <vt:lpwstr>1</vt:lpwstr>
  </property>
  <property fmtid="{D5CDD505-2E9C-101B-9397-08002B2CF9AE}" pid="12" name="MSIP_Label_f7467c1a-e0ed-413c-a72b-aac8e8e94f41_Tag">
    <vt:lpwstr>10, 0, 1, 1</vt:lpwstr>
  </property>
  <property fmtid="{D5CDD505-2E9C-101B-9397-08002B2CF9AE}" pid="13" name="MediaServiceImageTags">
    <vt:lpwstr/>
  </property>
  <property fmtid="{D5CDD505-2E9C-101B-9397-08002B2CF9AE}" pid="14" name="TemplafyTenantId">
    <vt:lpwstr>productivitycommission</vt:lpwstr>
  </property>
  <property fmtid="{D5CDD505-2E9C-101B-9397-08002B2CF9AE}" pid="15" name="TemplafyTemplateId">
    <vt:lpwstr>637654725005441542</vt:lpwstr>
  </property>
  <property fmtid="{D5CDD505-2E9C-101B-9397-08002B2CF9AE}" pid="16" name="TemplafyUserProfileId">
    <vt:lpwstr>637791998455514600</vt:lpwstr>
  </property>
  <property fmtid="{D5CDD505-2E9C-101B-9397-08002B2CF9AE}" pid="17" name="TemplafyFromBlank">
    <vt:bool>false</vt:bool>
  </property>
</Properties>
</file>